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hidePivotFieldList="1" defaultThemeVersion="153222"/>
  <mc:AlternateContent xmlns:mc="http://schemas.openxmlformats.org/markup-compatibility/2006">
    <mc:Choice Requires="x15">
      <x15ac:absPath xmlns:x15ac="http://schemas.microsoft.com/office/spreadsheetml/2010/11/ac" url="\\kfs01\2024\s1336\02_人材確保グループ\450_看護職\456_就業実態調査\01_★病院調査\07 結果報告\"/>
    </mc:Choice>
  </mc:AlternateContent>
  <bookViews>
    <workbookView xWindow="-108" yWindow="-108" windowWidth="23256" windowHeight="12456" tabRatio="940"/>
  </bookViews>
  <sheets>
    <sheet name="Ⅰ概要・病院背景" sheetId="96" r:id="rId1"/>
    <sheet name="１-１職員数・離職率" sheetId="5" r:id="rId2"/>
    <sheet name="１-２外国籍職員" sheetId="39" r:id="rId3"/>
    <sheet name="１-３看護補助者" sheetId="40" r:id="rId4"/>
    <sheet name="２-１新卒採用・離職（全体）" sheetId="85" r:id="rId5"/>
    <sheet name="２-２新卒（県内）" sheetId="84" r:id="rId6"/>
    <sheet name="２-３新卒（県外）" sheetId="7" r:id="rId7"/>
    <sheet name="３-1経験者採用状況 " sheetId="75" r:id="rId8"/>
    <sheet name="３-2経験者採用状況" sheetId="99" r:id="rId9"/>
    <sheet name="４経験年数別離職率" sheetId="16" r:id="rId10"/>
    <sheet name="５退職理由" sheetId="100" r:id="rId11"/>
    <sheet name="６新人研修" sheetId="103" r:id="rId12"/>
    <sheet name="７令和6年度採用状況" sheetId="20" r:id="rId13"/>
    <sheet name="８保有資格" sheetId="102" r:id="rId14"/>
    <sheet name="９-1特定行為研修" sheetId="80" r:id="rId15"/>
    <sheet name="９-2特定行為研修" sheetId="98" r:id="rId16"/>
  </sheets>
  <definedNames>
    <definedName name="_xlnm.Print_Area" localSheetId="3">'１-３看護補助者'!$A$1:$J$50</definedName>
    <definedName name="_xlnm.Print_Area" localSheetId="4">'２-１新卒採用・離職（全体）'!$A$1:$J$34</definedName>
    <definedName name="_xlnm.Print_Area" localSheetId="5">'２-２新卒（県内）'!$A$1:$J$34</definedName>
    <definedName name="_xlnm.Print_Area" localSheetId="6">'２-３新卒（県外）'!$A$1:$J$34</definedName>
    <definedName name="_xlnm.Print_Area" localSheetId="7">'３-1経験者採用状況 '!$A$1:$X$37</definedName>
    <definedName name="_xlnm.Print_Area" localSheetId="8">'３-2経験者採用状況'!$A$1:$J$34</definedName>
    <definedName name="_xlnm.Print_Area" localSheetId="9">'４経験年数別離職率'!$A$1:$P$34</definedName>
    <definedName name="_xlnm.Print_Area" localSheetId="10">'５退職理由'!$A$1:$S$68</definedName>
    <definedName name="_xlnm.Print_Area" localSheetId="11">'６新人研修'!$A$1:$L$89</definedName>
    <definedName name="_xlnm.Print_Area" localSheetId="12">'７令和6年度採用状況'!$A$1:$L$34</definedName>
    <definedName name="_xlnm.Print_Area" localSheetId="13">'８保有資格'!$A$1:$H$23</definedName>
    <definedName name="_xlnm.Print_Area" localSheetId="14">'９-1特定行為研修'!$A$1:$O$38</definedName>
    <definedName name="_xlnm.Print_Area" localSheetId="15">'９-2特定行為研修'!$A$1:$K$26</definedName>
    <definedName name="_xlnm.Print_Area" localSheetId="0">Ⅰ概要・病院背景!$A$1:$I$60</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381" uniqueCount="389">
  <si>
    <t>相模原</t>
    <rPh sb="0" eb="3">
      <t>サガミハラ</t>
    </rPh>
    <phoneticPr fontId="1"/>
  </si>
  <si>
    <t>湘南東部</t>
    <rPh sb="0" eb="2">
      <t>ショウナン</t>
    </rPh>
    <rPh sb="2" eb="4">
      <t>トウブ</t>
    </rPh>
    <phoneticPr fontId="1"/>
  </si>
  <si>
    <t>湘南西部</t>
    <rPh sb="0" eb="2">
      <t>ショウナン</t>
    </rPh>
    <rPh sb="2" eb="4">
      <t>セイブ</t>
    </rPh>
    <phoneticPr fontId="1"/>
  </si>
  <si>
    <t>横須賀・三浦</t>
    <rPh sb="0" eb="3">
      <t>ヨコスカ</t>
    </rPh>
    <rPh sb="4" eb="6">
      <t>ミウラ</t>
    </rPh>
    <phoneticPr fontId="1"/>
  </si>
  <si>
    <t>県西</t>
    <rPh sb="0" eb="2">
      <t>ケンセイ</t>
    </rPh>
    <phoneticPr fontId="1"/>
  </si>
  <si>
    <t>県央</t>
    <rPh sb="0" eb="2">
      <t>ケンオウ</t>
    </rPh>
    <phoneticPr fontId="1"/>
  </si>
  <si>
    <t>病床数</t>
    <rPh sb="0" eb="3">
      <t>ビョウショウスウ</t>
    </rPh>
    <phoneticPr fontId="2"/>
  </si>
  <si>
    <t>病床数</t>
  </si>
  <si>
    <t>施設数（a)</t>
  </si>
  <si>
    <t>回答施設数(b)</t>
  </si>
  <si>
    <t>回収率(b/a)</t>
  </si>
  <si>
    <t>100～199</t>
    <phoneticPr fontId="2"/>
  </si>
  <si>
    <t>200～299</t>
    <phoneticPr fontId="2"/>
  </si>
  <si>
    <t>500以上</t>
  </si>
  <si>
    <t>合計</t>
  </si>
  <si>
    <t>全体</t>
    <rPh sb="0" eb="2">
      <t>ゼンタイ</t>
    </rPh>
    <phoneticPr fontId="2"/>
  </si>
  <si>
    <t>常勤</t>
    <rPh sb="0" eb="2">
      <t>ジョウキン</t>
    </rPh>
    <phoneticPr fontId="2"/>
  </si>
  <si>
    <t>非常勤</t>
    <rPh sb="0" eb="3">
      <t>ヒジョウキン</t>
    </rPh>
    <phoneticPr fontId="2"/>
  </si>
  <si>
    <t>合　計</t>
  </si>
  <si>
    <t>（２）　職種別離職率</t>
    <rPh sb="4" eb="7">
      <t>ショクシュベツ</t>
    </rPh>
    <rPh sb="7" eb="10">
      <t>リショクリツ</t>
    </rPh>
    <phoneticPr fontId="2"/>
  </si>
  <si>
    <t>保健師</t>
    <rPh sb="0" eb="2">
      <t>ホケン</t>
    </rPh>
    <rPh sb="2" eb="3">
      <t>シ</t>
    </rPh>
    <phoneticPr fontId="1"/>
  </si>
  <si>
    <t>助産師</t>
    <rPh sb="0" eb="3">
      <t>ジョサンシ</t>
    </rPh>
    <phoneticPr fontId="1"/>
  </si>
  <si>
    <t>看護師</t>
    <rPh sb="0" eb="3">
      <t>カンゴシ</t>
    </rPh>
    <phoneticPr fontId="1"/>
  </si>
  <si>
    <t>准看護師</t>
    <rPh sb="0" eb="1">
      <t>ジュン</t>
    </rPh>
    <rPh sb="1" eb="4">
      <t>カンゴシ</t>
    </rPh>
    <phoneticPr fontId="1"/>
  </si>
  <si>
    <t>（３）　二次医療圏別離職率</t>
    <rPh sb="4" eb="6">
      <t>ニジ</t>
    </rPh>
    <rPh sb="6" eb="8">
      <t>イリョウ</t>
    </rPh>
    <rPh sb="8" eb="9">
      <t>ケン</t>
    </rPh>
    <rPh sb="9" eb="10">
      <t>ベツ</t>
    </rPh>
    <rPh sb="10" eb="12">
      <t>リショク</t>
    </rPh>
    <rPh sb="12" eb="13">
      <t>リツ</t>
    </rPh>
    <phoneticPr fontId="2"/>
  </si>
  <si>
    <t>二次医療圏</t>
    <rPh sb="0" eb="2">
      <t>ニジ</t>
    </rPh>
    <rPh sb="2" eb="4">
      <t>イリョウ</t>
    </rPh>
    <rPh sb="4" eb="5">
      <t>ケン</t>
    </rPh>
    <phoneticPr fontId="2"/>
  </si>
  <si>
    <t>横浜</t>
    <rPh sb="0" eb="2">
      <t>ヨコハマ</t>
    </rPh>
    <phoneticPr fontId="2"/>
  </si>
  <si>
    <t>川崎</t>
    <rPh sb="0" eb="2">
      <t>カワサキ</t>
    </rPh>
    <phoneticPr fontId="2"/>
  </si>
  <si>
    <t>相模原</t>
    <rPh sb="0" eb="3">
      <t>サガミハラ</t>
    </rPh>
    <phoneticPr fontId="2"/>
  </si>
  <si>
    <t>横須賀・三浦</t>
    <rPh sb="0" eb="3">
      <t>ヨコスカ</t>
    </rPh>
    <rPh sb="4" eb="6">
      <t>ミウラ</t>
    </rPh>
    <phoneticPr fontId="2"/>
  </si>
  <si>
    <t>湘南東部</t>
    <rPh sb="0" eb="2">
      <t>ショウナン</t>
    </rPh>
    <rPh sb="2" eb="4">
      <t>トウブ</t>
    </rPh>
    <phoneticPr fontId="2"/>
  </si>
  <si>
    <t>湘南西部</t>
    <rPh sb="0" eb="2">
      <t>ショウナン</t>
    </rPh>
    <rPh sb="2" eb="4">
      <t>セイブ</t>
    </rPh>
    <phoneticPr fontId="2"/>
  </si>
  <si>
    <t>県央</t>
    <rPh sb="0" eb="2">
      <t>ケンオウ</t>
    </rPh>
    <phoneticPr fontId="2"/>
  </si>
  <si>
    <t>県西</t>
    <rPh sb="0" eb="2">
      <t>ケンセイ</t>
    </rPh>
    <phoneticPr fontId="2"/>
  </si>
  <si>
    <t>全体</t>
  </si>
  <si>
    <t>常勤</t>
  </si>
  <si>
    <t>非常勤</t>
  </si>
  <si>
    <t>保健師</t>
  </si>
  <si>
    <t>助産師</t>
  </si>
  <si>
    <t>看護師</t>
  </si>
  <si>
    <t>准看護師</t>
  </si>
  <si>
    <t>二次医療圏</t>
  </si>
  <si>
    <t>横浜</t>
  </si>
  <si>
    <t>川崎</t>
  </si>
  <si>
    <t>相模原</t>
  </si>
  <si>
    <t>横須賀・三浦</t>
  </si>
  <si>
    <t>湘南東部</t>
  </si>
  <si>
    <t>湘南西部</t>
  </si>
  <si>
    <t>県央</t>
  </si>
  <si>
    <t>県西</t>
  </si>
  <si>
    <t>〔全体〕</t>
    <rPh sb="1" eb="3">
      <t>ゼンタイ</t>
    </rPh>
    <phoneticPr fontId="2"/>
  </si>
  <si>
    <t>（１）　病床数別離職率</t>
    <phoneticPr fontId="2"/>
  </si>
  <si>
    <t>（２）　職種別離職率</t>
    <phoneticPr fontId="2"/>
  </si>
  <si>
    <t>（３）　二次医療圏別離職率</t>
    <phoneticPr fontId="2"/>
  </si>
  <si>
    <t>（１）　病床数別離職率</t>
    <rPh sb="4" eb="7">
      <t>ビョウショウスウ</t>
    </rPh>
    <rPh sb="7" eb="8">
      <t>ベツ</t>
    </rPh>
    <rPh sb="8" eb="11">
      <t>リショクリツ</t>
    </rPh>
    <phoneticPr fontId="2"/>
  </si>
  <si>
    <t>２年目</t>
  </si>
  <si>
    <t>結婚</t>
    <rPh sb="0" eb="2">
      <t>ケッコン</t>
    </rPh>
    <phoneticPr fontId="2"/>
  </si>
  <si>
    <t>進学</t>
    <rPh sb="0" eb="2">
      <t>シンガク</t>
    </rPh>
    <phoneticPr fontId="2"/>
  </si>
  <si>
    <t>合計</t>
    <rPh sb="0" eb="2">
      <t>ゴウケイ</t>
    </rPh>
    <phoneticPr fontId="2"/>
  </si>
  <si>
    <t>合　計</t>
    <phoneticPr fontId="1"/>
  </si>
  <si>
    <t>（１）　病床数別採用状況</t>
    <rPh sb="4" eb="7">
      <t>ビョウショウスウ</t>
    </rPh>
    <rPh sb="7" eb="8">
      <t>ベツ</t>
    </rPh>
    <rPh sb="8" eb="10">
      <t>サイヨウ</t>
    </rPh>
    <rPh sb="10" eb="12">
      <t>ジョウキョウ</t>
    </rPh>
    <phoneticPr fontId="1"/>
  </si>
  <si>
    <t>全体</t>
    <rPh sb="0" eb="2">
      <t>ゼンタイ</t>
    </rPh>
    <phoneticPr fontId="1"/>
  </si>
  <si>
    <t>常勤</t>
    <rPh sb="0" eb="2">
      <t>ジョウキン</t>
    </rPh>
    <phoneticPr fontId="1"/>
  </si>
  <si>
    <t>非常勤</t>
    <rPh sb="0" eb="3">
      <t>ヒジョウキン</t>
    </rPh>
    <phoneticPr fontId="1"/>
  </si>
  <si>
    <t>県内</t>
    <rPh sb="0" eb="2">
      <t>ケンナイ</t>
    </rPh>
    <phoneticPr fontId="1"/>
  </si>
  <si>
    <t>県外</t>
    <rPh sb="0" eb="1">
      <t>ケン</t>
    </rPh>
    <rPh sb="1" eb="2">
      <t>ガイ</t>
    </rPh>
    <phoneticPr fontId="1"/>
  </si>
  <si>
    <t>合計</t>
    <rPh sb="0" eb="2">
      <t>ゴウケイ</t>
    </rPh>
    <phoneticPr fontId="1"/>
  </si>
  <si>
    <t>（２）　職種別採用状況</t>
    <rPh sb="4" eb="7">
      <t>ショクシュベツ</t>
    </rPh>
    <rPh sb="7" eb="9">
      <t>サイヨウ</t>
    </rPh>
    <rPh sb="9" eb="11">
      <t>ジョウキョウ</t>
    </rPh>
    <phoneticPr fontId="1"/>
  </si>
  <si>
    <t>病床数</t>
    <rPh sb="0" eb="3">
      <t>ビョウショウスウ</t>
    </rPh>
    <phoneticPr fontId="1"/>
  </si>
  <si>
    <t>転居</t>
    <rPh sb="0" eb="2">
      <t>テンキョ</t>
    </rPh>
    <phoneticPr fontId="2"/>
  </si>
  <si>
    <t>教育体制</t>
    <rPh sb="0" eb="2">
      <t>キョウイク</t>
    </rPh>
    <rPh sb="2" eb="4">
      <t>タイセイ</t>
    </rPh>
    <phoneticPr fontId="2"/>
  </si>
  <si>
    <t>給与
福利厚生</t>
    <rPh sb="0" eb="2">
      <t>キュウヨ</t>
    </rPh>
    <rPh sb="3" eb="5">
      <t>フクリ</t>
    </rPh>
    <rPh sb="5" eb="7">
      <t>コウセイ</t>
    </rPh>
    <phoneticPr fontId="2"/>
  </si>
  <si>
    <t>不明</t>
    <rPh sb="0" eb="2">
      <t>フメイ</t>
    </rPh>
    <phoneticPr fontId="2"/>
  </si>
  <si>
    <t xml:space="preserve">（１）　病床数別離職率  </t>
    <rPh sb="6" eb="7">
      <t>スウ</t>
    </rPh>
    <rPh sb="10" eb="11">
      <t>リツ</t>
    </rPh>
    <phoneticPr fontId="2"/>
  </si>
  <si>
    <t>職種</t>
    <rPh sb="0" eb="2">
      <t>ショクシュ</t>
    </rPh>
    <phoneticPr fontId="1"/>
  </si>
  <si>
    <t>看護師</t>
    <rPh sb="0" eb="2">
      <t>カンゴ</t>
    </rPh>
    <rPh sb="2" eb="3">
      <t>シ</t>
    </rPh>
    <phoneticPr fontId="1"/>
  </si>
  <si>
    <t>准看護師</t>
    <rPh sb="0" eb="4">
      <t>ジュンカンゴシ</t>
    </rPh>
    <phoneticPr fontId="1"/>
  </si>
  <si>
    <t>（１）　病床数別採用状況</t>
    <rPh sb="4" eb="7">
      <t>ビョウショウスウ</t>
    </rPh>
    <rPh sb="7" eb="8">
      <t>ベツ</t>
    </rPh>
    <rPh sb="8" eb="10">
      <t>サイヨウ</t>
    </rPh>
    <rPh sb="10" eb="12">
      <t>ジョウキョウ</t>
    </rPh>
    <phoneticPr fontId="2"/>
  </si>
  <si>
    <t>合　計</t>
    <phoneticPr fontId="1"/>
  </si>
  <si>
    <t>横浜</t>
    <rPh sb="0" eb="2">
      <t>ヨコハマ</t>
    </rPh>
    <phoneticPr fontId="1"/>
  </si>
  <si>
    <t>川崎</t>
    <rPh sb="0" eb="2">
      <t>カワサキ</t>
    </rPh>
    <phoneticPr fontId="1"/>
  </si>
  <si>
    <t>※複数回答可</t>
    <rPh sb="1" eb="3">
      <t>フクスウ</t>
    </rPh>
    <rPh sb="3" eb="5">
      <t>カイトウ</t>
    </rPh>
    <rPh sb="5" eb="6">
      <t>カ</t>
    </rPh>
    <phoneticPr fontId="1"/>
  </si>
  <si>
    <t>（２）　職種別採用状況</t>
    <rPh sb="4" eb="6">
      <t>ショクシュ</t>
    </rPh>
    <rPh sb="6" eb="7">
      <t>ベツ</t>
    </rPh>
    <rPh sb="7" eb="9">
      <t>サイヨウ</t>
    </rPh>
    <rPh sb="9" eb="11">
      <t>ジョウキョウ</t>
    </rPh>
    <phoneticPr fontId="2"/>
  </si>
  <si>
    <t>５．退職理由</t>
    <rPh sb="2" eb="4">
      <t>タイショク</t>
    </rPh>
    <rPh sb="4" eb="6">
      <t>リユウ</t>
    </rPh>
    <phoneticPr fontId="2"/>
  </si>
  <si>
    <t>20～99</t>
    <phoneticPr fontId="1"/>
  </si>
  <si>
    <t>300～399</t>
    <phoneticPr fontId="2"/>
  </si>
  <si>
    <t>400～499</t>
    <phoneticPr fontId="1"/>
  </si>
  <si>
    <t>平均職員数：</t>
    <rPh sb="0" eb="2">
      <t>ヘイキン</t>
    </rPh>
    <rPh sb="2" eb="4">
      <t>ショクイン</t>
    </rPh>
    <rPh sb="4" eb="5">
      <t>スウ</t>
    </rPh>
    <phoneticPr fontId="1"/>
  </si>
  <si>
    <t>離職率（％）＝退職者数/平均職員数＊100</t>
    <rPh sb="0" eb="3">
      <t>リショクリツ</t>
    </rPh>
    <rPh sb="7" eb="9">
      <t>タイショク</t>
    </rPh>
    <rPh sb="9" eb="10">
      <t>シャ</t>
    </rPh>
    <rPh sb="10" eb="11">
      <t>スウ</t>
    </rPh>
    <rPh sb="12" eb="14">
      <t>ヘイキン</t>
    </rPh>
    <rPh sb="14" eb="16">
      <t>ショクイン</t>
    </rPh>
    <rPh sb="16" eb="17">
      <t>スウ</t>
    </rPh>
    <phoneticPr fontId="1"/>
  </si>
  <si>
    <t>20～99</t>
  </si>
  <si>
    <t>100～199</t>
  </si>
  <si>
    <t>200～299</t>
  </si>
  <si>
    <t>300～399</t>
  </si>
  <si>
    <t>400～499</t>
  </si>
  <si>
    <t>退職者数　：</t>
    <rPh sb="0" eb="3">
      <t>タイショクシャ</t>
    </rPh>
    <rPh sb="3" eb="4">
      <t>スウ</t>
    </rPh>
    <phoneticPr fontId="1"/>
  </si>
  <si>
    <t>人数</t>
    <rPh sb="0" eb="2">
      <t>ニンズウ</t>
    </rPh>
    <phoneticPr fontId="2"/>
  </si>
  <si>
    <t>呼吸器（気道確保に係るもの）関連</t>
  </si>
  <si>
    <t>呼吸器（人工呼吸療法に係るもの）関連</t>
  </si>
  <si>
    <t>呼吸器（長期呼吸療法に係るもの）関連</t>
  </si>
  <si>
    <t>循環器関連</t>
  </si>
  <si>
    <t>心嚢ドレーン管理関連</t>
    <rPh sb="1" eb="2">
      <t>ノウ</t>
    </rPh>
    <phoneticPr fontId="13"/>
  </si>
  <si>
    <t>胸腔ドレーン管理関連</t>
  </si>
  <si>
    <t>腹腔ドレーン管理関連</t>
  </si>
  <si>
    <t>ろう孔管理関連</t>
  </si>
  <si>
    <t>栄養に係るカテーテル管理（中心静脈カテーテル管理）関連</t>
  </si>
  <si>
    <t>創傷管理関連</t>
  </si>
  <si>
    <t>創部ドレーン管理関連</t>
  </si>
  <si>
    <t>動脈血液ガス分析関連</t>
  </si>
  <si>
    <t>透析管理関連</t>
  </si>
  <si>
    <t>栄養及び水分管理に係る薬剤投与関連</t>
  </si>
  <si>
    <t>感染に係る薬剤投与関連</t>
  </si>
  <si>
    <t>血糖コントロールに係る薬剤投与関連</t>
  </si>
  <si>
    <t>循環動態に係る薬剤投与関連</t>
  </si>
  <si>
    <t>精神及び神経症状に係る薬剤投与関連</t>
  </si>
  <si>
    <t>皮膚損傷に係る薬剤投与関連</t>
  </si>
  <si>
    <t>栄養に係るカテーテル管理（末梢留置型中心静脈注射用カテーテル管理）関連</t>
    <phoneticPr fontId="13"/>
  </si>
  <si>
    <t>術後疼痛管理関連</t>
    <rPh sb="2" eb="3">
      <t>トウ</t>
    </rPh>
    <phoneticPr fontId="13"/>
  </si>
  <si>
    <t>その他</t>
    <rPh sb="2" eb="3">
      <t>ホカ</t>
    </rPh>
    <phoneticPr fontId="2"/>
  </si>
  <si>
    <t>100～199</t>
    <phoneticPr fontId="1"/>
  </si>
  <si>
    <t>200～299</t>
    <phoneticPr fontId="1"/>
  </si>
  <si>
    <t>300～399</t>
    <phoneticPr fontId="1"/>
  </si>
  <si>
    <t>500～</t>
    <phoneticPr fontId="1"/>
  </si>
  <si>
    <t>合計</t>
    <phoneticPr fontId="1"/>
  </si>
  <si>
    <t>20～99</t>
    <phoneticPr fontId="1"/>
  </si>
  <si>
    <t>300～399</t>
    <phoneticPr fontId="2"/>
  </si>
  <si>
    <t>400～499</t>
    <phoneticPr fontId="1"/>
  </si>
  <si>
    <t>（２）二次医療圏別看護補助者数</t>
    <rPh sb="9" eb="11">
      <t>カンゴ</t>
    </rPh>
    <rPh sb="11" eb="14">
      <t>ホジョシャ</t>
    </rPh>
    <rPh sb="14" eb="15">
      <t>スウ</t>
    </rPh>
    <phoneticPr fontId="2"/>
  </si>
  <si>
    <t>（３）　二次医療圏別採用状況</t>
    <rPh sb="4" eb="6">
      <t>ニジ</t>
    </rPh>
    <rPh sb="6" eb="8">
      <t>イリョウ</t>
    </rPh>
    <rPh sb="8" eb="9">
      <t>ケン</t>
    </rPh>
    <rPh sb="9" eb="10">
      <t>ベツ</t>
    </rPh>
    <rPh sb="10" eb="12">
      <t>サイヨウ</t>
    </rPh>
    <rPh sb="12" eb="14">
      <t>ジョウキョウ</t>
    </rPh>
    <phoneticPr fontId="1"/>
  </si>
  <si>
    <t>川崎</t>
    <phoneticPr fontId="1"/>
  </si>
  <si>
    <t>定年退職</t>
    <rPh sb="0" eb="2">
      <t>テイネン</t>
    </rPh>
    <rPh sb="2" eb="4">
      <t>タイショク</t>
    </rPh>
    <phoneticPr fontId="1"/>
  </si>
  <si>
    <t>県内就職先</t>
    <rPh sb="0" eb="2">
      <t>ケンナイ</t>
    </rPh>
    <rPh sb="2" eb="4">
      <t>シュウショク</t>
    </rPh>
    <rPh sb="4" eb="5">
      <t>サキ</t>
    </rPh>
    <phoneticPr fontId="2"/>
  </si>
  <si>
    <t>３年目</t>
    <phoneticPr fontId="13"/>
  </si>
  <si>
    <t>５年目</t>
    <phoneticPr fontId="13"/>
  </si>
  <si>
    <t>６年目以降</t>
    <rPh sb="3" eb="5">
      <t>イコウ</t>
    </rPh>
    <phoneticPr fontId="13"/>
  </si>
  <si>
    <t>計</t>
    <rPh sb="0" eb="1">
      <t>ケイ</t>
    </rPh>
    <phoneticPr fontId="13"/>
  </si>
  <si>
    <t>退職理由</t>
    <phoneticPr fontId="13"/>
  </si>
  <si>
    <t>通算経験</t>
    <phoneticPr fontId="13"/>
  </si>
  <si>
    <t>２年目</t>
    <phoneticPr fontId="13"/>
  </si>
  <si>
    <t>４年目</t>
    <phoneticPr fontId="13"/>
  </si>
  <si>
    <t>新人</t>
    <rPh sb="0" eb="2">
      <t>シンジン</t>
    </rPh>
    <phoneticPr fontId="1"/>
  </si>
  <si>
    <t>３年目</t>
    <rPh sb="1" eb="3">
      <t>ネンメ</t>
    </rPh>
    <phoneticPr fontId="1"/>
  </si>
  <si>
    <t>４年目</t>
    <rPh sb="1" eb="3">
      <t>ネンメ</t>
    </rPh>
    <phoneticPr fontId="1"/>
  </si>
  <si>
    <t>５年目</t>
    <rPh sb="1" eb="3">
      <t>ネンメ</t>
    </rPh>
    <phoneticPr fontId="1"/>
  </si>
  <si>
    <t>（３）　二次医療圏別</t>
    <rPh sb="4" eb="6">
      <t>ニジ</t>
    </rPh>
    <rPh sb="6" eb="8">
      <t>イリョウ</t>
    </rPh>
    <rPh sb="8" eb="9">
      <t>ケン</t>
    </rPh>
    <rPh sb="9" eb="10">
      <t>ベツ</t>
    </rPh>
    <phoneticPr fontId="1"/>
  </si>
  <si>
    <t>二次医療圏</t>
    <rPh sb="0" eb="5">
      <t>ニジイリョウケン</t>
    </rPh>
    <phoneticPr fontId="1"/>
  </si>
  <si>
    <t>職種</t>
    <rPh sb="0" eb="2">
      <t>ショクシュ</t>
    </rPh>
    <phoneticPr fontId="1"/>
  </si>
  <si>
    <t>訪問看護ＳＴ</t>
    <rPh sb="0" eb="4">
      <t>ホウモンカンゴ</t>
    </rPh>
    <phoneticPr fontId="2"/>
  </si>
  <si>
    <t>老健・特養</t>
    <rPh sb="0" eb="2">
      <t>ロウケン</t>
    </rPh>
    <rPh sb="3" eb="5">
      <t>トクヨウ</t>
    </rPh>
    <phoneticPr fontId="2"/>
  </si>
  <si>
    <t>採用あり</t>
    <rPh sb="0" eb="2">
      <t>サイヨウ</t>
    </rPh>
    <phoneticPr fontId="2"/>
  </si>
  <si>
    <t xml:space="preserve">平均職員数    </t>
    <rPh sb="0" eb="2">
      <t>ヘイキン</t>
    </rPh>
    <rPh sb="2" eb="4">
      <t>ショクイン</t>
    </rPh>
    <rPh sb="4" eb="5">
      <t>スウ</t>
    </rPh>
    <phoneticPr fontId="1"/>
  </si>
  <si>
    <t>自施設雇用</t>
    <rPh sb="0" eb="1">
      <t>ジ</t>
    </rPh>
    <rPh sb="1" eb="3">
      <t>シセツ</t>
    </rPh>
    <rPh sb="3" eb="5">
      <t>コヨウ</t>
    </rPh>
    <phoneticPr fontId="2"/>
  </si>
  <si>
    <t>委託派遣等</t>
    <rPh sb="0" eb="2">
      <t>イタク</t>
    </rPh>
    <rPh sb="2" eb="4">
      <t>ハケン</t>
    </rPh>
    <rPh sb="4" eb="5">
      <t>トウ</t>
    </rPh>
    <phoneticPr fontId="2"/>
  </si>
  <si>
    <t>（１）病床数別看護補助者数</t>
    <rPh sb="6" eb="7">
      <t>ベツ</t>
    </rPh>
    <rPh sb="7" eb="9">
      <t>カンゴ</t>
    </rPh>
    <rPh sb="9" eb="12">
      <t>ホジョシャ</t>
    </rPh>
    <rPh sb="12" eb="13">
      <t>スウ</t>
    </rPh>
    <phoneticPr fontId="2"/>
  </si>
  <si>
    <t>看護補助者
合計</t>
    <rPh sb="0" eb="2">
      <t>カンゴ</t>
    </rPh>
    <rPh sb="2" eb="5">
      <t>ホジョシャ</t>
    </rPh>
    <rPh sb="6" eb="8">
      <t>ゴウケイ</t>
    </rPh>
    <phoneticPr fontId="1"/>
  </si>
  <si>
    <t>看護補助者
合計</t>
    <rPh sb="0" eb="2">
      <t>カンゴ</t>
    </rPh>
    <rPh sb="2" eb="4">
      <t>ホジョ</t>
    </rPh>
    <rPh sb="4" eb="5">
      <t>シャ</t>
    </rPh>
    <rPh sb="6" eb="8">
      <t>ゴウケイ</t>
    </rPh>
    <phoneticPr fontId="1"/>
  </si>
  <si>
    <t>離職率</t>
  </si>
  <si>
    <t>職種</t>
    <phoneticPr fontId="1"/>
  </si>
  <si>
    <t>職種</t>
    <phoneticPr fontId="1"/>
  </si>
  <si>
    <t>二次医療圏</t>
    <rPh sb="0" eb="2">
      <t>ニジ</t>
    </rPh>
    <rPh sb="2" eb="4">
      <t>イリョウ</t>
    </rPh>
    <rPh sb="4" eb="5">
      <t>ケン</t>
    </rPh>
    <phoneticPr fontId="1"/>
  </si>
  <si>
    <t>県内</t>
    <rPh sb="0" eb="2">
      <t>ケンナイ</t>
    </rPh>
    <phoneticPr fontId="2"/>
  </si>
  <si>
    <t>県外</t>
    <rPh sb="0" eb="2">
      <t>ケンガイ</t>
    </rPh>
    <phoneticPr fontId="2"/>
  </si>
  <si>
    <t>採用必要数</t>
    <rPh sb="0" eb="2">
      <t>サイヨウ</t>
    </rPh>
    <rPh sb="2" eb="5">
      <t>ヒツヨウスウ</t>
    </rPh>
    <phoneticPr fontId="1"/>
  </si>
  <si>
    <t>採用者数</t>
    <rPh sb="0" eb="3">
      <t>サイヨウシャ</t>
    </rPh>
    <rPh sb="3" eb="4">
      <t>スウ</t>
    </rPh>
    <phoneticPr fontId="1"/>
  </si>
  <si>
    <t>二次医療圏</t>
    <rPh sb="0" eb="2">
      <t>ニジ</t>
    </rPh>
    <rPh sb="2" eb="4">
      <t>イリョウ</t>
    </rPh>
    <rPh sb="4" eb="5">
      <t>ケン</t>
    </rPh>
    <phoneticPr fontId="1"/>
  </si>
  <si>
    <t>病床数</t>
    <phoneticPr fontId="1"/>
  </si>
  <si>
    <t>６．新人研修</t>
    <rPh sb="2" eb="4">
      <t>シンジン</t>
    </rPh>
    <rPh sb="4" eb="6">
      <t>ケンシュウ</t>
    </rPh>
    <phoneticPr fontId="2"/>
  </si>
  <si>
    <t>２．新卒新採用職員　採用状況と離職率</t>
    <rPh sb="7" eb="9">
      <t>ショクイン</t>
    </rPh>
    <rPh sb="10" eb="12">
      <t>サイヨウ</t>
    </rPh>
    <rPh sb="12" eb="14">
      <t>ジョウキョウ</t>
    </rPh>
    <rPh sb="15" eb="18">
      <t>リショクリツ</t>
    </rPh>
    <phoneticPr fontId="2"/>
  </si>
  <si>
    <t>〔県内の養成校を卒業したもの〕</t>
    <rPh sb="1" eb="3">
      <t>ケンナイ</t>
    </rPh>
    <rPh sb="4" eb="6">
      <t>ヨウセイ</t>
    </rPh>
    <rPh sb="6" eb="7">
      <t>コウ</t>
    </rPh>
    <rPh sb="8" eb="10">
      <t>ソツギョウ</t>
    </rPh>
    <phoneticPr fontId="2"/>
  </si>
  <si>
    <t>〔県外の養成校を卒業したもの〕</t>
    <rPh sb="1" eb="3">
      <t>ケンガイ</t>
    </rPh>
    <rPh sb="4" eb="6">
      <t>ヨウセイ</t>
    </rPh>
    <rPh sb="6" eb="7">
      <t>コウ</t>
    </rPh>
    <rPh sb="8" eb="10">
      <t>ソツギョウ</t>
    </rPh>
    <phoneticPr fontId="2"/>
  </si>
  <si>
    <t>（１）　病床数別　退職理由（人数）</t>
    <rPh sb="4" eb="7">
      <t>ビョウショウスウ</t>
    </rPh>
    <rPh sb="7" eb="8">
      <t>ベツ</t>
    </rPh>
    <rPh sb="9" eb="11">
      <t>タイショク</t>
    </rPh>
    <rPh sb="11" eb="13">
      <t>リユウ</t>
    </rPh>
    <rPh sb="14" eb="16">
      <t>ニンズウ</t>
    </rPh>
    <phoneticPr fontId="2"/>
  </si>
  <si>
    <t>全体</t>
    <phoneticPr fontId="1"/>
  </si>
  <si>
    <t>離職率　　</t>
  </si>
  <si>
    <t>離職率（％）＝退職者数/平均職員数＊100</t>
    <rPh sb="7" eb="9">
      <t>タイショク</t>
    </rPh>
    <rPh sb="9" eb="10">
      <t>シャ</t>
    </rPh>
    <rPh sb="10" eb="11">
      <t>スウ</t>
    </rPh>
    <rPh sb="12" eb="14">
      <t>ヘイキン</t>
    </rPh>
    <rPh sb="14" eb="16">
      <t>ショクイン</t>
    </rPh>
    <rPh sb="16" eb="17">
      <t>スウ</t>
    </rPh>
    <phoneticPr fontId="1"/>
  </si>
  <si>
    <t>構成比　</t>
    <phoneticPr fontId="1"/>
  </si>
  <si>
    <t>確保率（％）＝採用者数/採用必要数＊100</t>
    <rPh sb="0" eb="2">
      <t>カクホ</t>
    </rPh>
    <rPh sb="7" eb="10">
      <t>サイヨウシャ</t>
    </rPh>
    <rPh sb="10" eb="11">
      <t>スウ</t>
    </rPh>
    <rPh sb="12" eb="14">
      <t>サイヨウ</t>
    </rPh>
    <rPh sb="14" eb="17">
      <t>ヒツヨウスウ</t>
    </rPh>
    <phoneticPr fontId="1"/>
  </si>
  <si>
    <t>保健師</t>
    <rPh sb="0" eb="3">
      <t>ホケンシ</t>
    </rPh>
    <phoneticPr fontId="1"/>
  </si>
  <si>
    <t>新人*</t>
    <rPh sb="0" eb="2">
      <t>シンジン</t>
    </rPh>
    <phoneticPr fontId="1"/>
  </si>
  <si>
    <t>（４）到達目標の評価　①基本姿勢と態度</t>
    <rPh sb="3" eb="5">
      <t>トウタツ</t>
    </rPh>
    <rPh sb="5" eb="7">
      <t>モクヒョウ</t>
    </rPh>
    <rPh sb="8" eb="10">
      <t>ヒョウカ</t>
    </rPh>
    <rPh sb="12" eb="16">
      <t>キホンシセイ</t>
    </rPh>
    <rPh sb="17" eb="19">
      <t>タイド</t>
    </rPh>
    <phoneticPr fontId="1"/>
  </si>
  <si>
    <t>（４）②看護技術</t>
    <rPh sb="4" eb="6">
      <t>カンゴ</t>
    </rPh>
    <rPh sb="6" eb="8">
      <t>ギジュツ</t>
    </rPh>
    <phoneticPr fontId="1"/>
  </si>
  <si>
    <t>（４）③管理的側面</t>
    <rPh sb="4" eb="7">
      <t>カンリテキ</t>
    </rPh>
    <rPh sb="7" eb="9">
      <t>ソクメン</t>
    </rPh>
    <phoneticPr fontId="1"/>
  </si>
  <si>
    <t>（５）メンタルサポート・相談体制</t>
    <rPh sb="12" eb="14">
      <t>ソウダン</t>
    </rPh>
    <rPh sb="14" eb="16">
      <t>タイセイ</t>
    </rPh>
    <phoneticPr fontId="1"/>
  </si>
  <si>
    <t>できた</t>
    <phoneticPr fontId="1"/>
  </si>
  <si>
    <t>あまりできなかった</t>
    <phoneticPr fontId="1"/>
  </si>
  <si>
    <t>できなかった</t>
    <phoneticPr fontId="1"/>
  </si>
  <si>
    <t>①基本姿勢と態度</t>
    <rPh sb="1" eb="3">
      <t>キホン</t>
    </rPh>
    <rPh sb="3" eb="5">
      <t>シセイ</t>
    </rPh>
    <rPh sb="6" eb="8">
      <t>タイド</t>
    </rPh>
    <phoneticPr fontId="1"/>
  </si>
  <si>
    <t>②看護技術</t>
    <rPh sb="1" eb="3">
      <t>カンゴ</t>
    </rPh>
    <rPh sb="3" eb="5">
      <t>ギジュツ</t>
    </rPh>
    <phoneticPr fontId="1"/>
  </si>
  <si>
    <t>③管理的側面</t>
    <rPh sb="1" eb="4">
      <t>カンリテキ</t>
    </rPh>
    <rPh sb="4" eb="6">
      <t>ソクメン</t>
    </rPh>
    <phoneticPr fontId="1"/>
  </si>
  <si>
    <t>（４）のうち　2・1評価の理由</t>
    <rPh sb="10" eb="12">
      <t>ヒョウカ</t>
    </rPh>
    <rPh sb="13" eb="15">
      <t>リユウ</t>
    </rPh>
    <phoneticPr fontId="1"/>
  </si>
  <si>
    <t>（５）のうち　2・1評価の理由</t>
    <rPh sb="10" eb="12">
      <t>ヒョウカ</t>
    </rPh>
    <rPh sb="13" eb="15">
      <t>リユウ</t>
    </rPh>
    <phoneticPr fontId="1"/>
  </si>
  <si>
    <t>できた/できなかった</t>
    <phoneticPr fontId="1"/>
  </si>
  <si>
    <t>　１-１看護職員離職率</t>
    <rPh sb="4" eb="6">
      <t>カンゴ</t>
    </rPh>
    <rPh sb="6" eb="8">
      <t>ショクイン</t>
    </rPh>
    <rPh sb="8" eb="11">
      <t>リショクリツ</t>
    </rPh>
    <phoneticPr fontId="2"/>
  </si>
  <si>
    <t>１．看護職員等就業状況</t>
    <rPh sb="2" eb="4">
      <t>カンゴ</t>
    </rPh>
    <rPh sb="4" eb="6">
      <t>ショクイン</t>
    </rPh>
    <rPh sb="6" eb="7">
      <t>トウ</t>
    </rPh>
    <rPh sb="7" eb="9">
      <t>シュウギョウ</t>
    </rPh>
    <rPh sb="9" eb="11">
      <t>ジョウキョウ</t>
    </rPh>
    <phoneticPr fontId="2"/>
  </si>
  <si>
    <t>　１-２外国籍看護職員離職率</t>
    <rPh sb="4" eb="7">
      <t>ガイコクセキ</t>
    </rPh>
    <rPh sb="7" eb="9">
      <t>カンゴ</t>
    </rPh>
    <rPh sb="9" eb="11">
      <t>ショクイン</t>
    </rPh>
    <rPh sb="11" eb="14">
      <t>リショクリツ</t>
    </rPh>
    <phoneticPr fontId="2"/>
  </si>
  <si>
    <t>　１-３看護補助者就業状況</t>
    <rPh sb="4" eb="6">
      <t>カンゴ</t>
    </rPh>
    <rPh sb="6" eb="9">
      <t>ホジョシャ</t>
    </rPh>
    <rPh sb="9" eb="11">
      <t>シュウギョウ</t>
    </rPh>
    <rPh sb="11" eb="13">
      <t>ジョウキョウ</t>
    </rPh>
    <phoneticPr fontId="2"/>
  </si>
  <si>
    <t>（１）　病床数別離職率</t>
    <rPh sb="6" eb="7">
      <t>スウ</t>
    </rPh>
    <rPh sb="10" eb="11">
      <t>リツ</t>
    </rPh>
    <phoneticPr fontId="2"/>
  </si>
  <si>
    <t>・二次医療圏別の看護職員の離職状況について</t>
    <phoneticPr fontId="1"/>
  </si>
  <si>
    <t>【今年度調査に関する補足】</t>
    <rPh sb="1" eb="4">
      <t>コンネンド</t>
    </rPh>
    <rPh sb="4" eb="6">
      <t>チョウサ</t>
    </rPh>
    <rPh sb="7" eb="8">
      <t>カン</t>
    </rPh>
    <rPh sb="10" eb="12">
      <t>ホソク</t>
    </rPh>
    <phoneticPr fontId="1"/>
  </si>
  <si>
    <t>看護職員の離職状況について</t>
    <phoneticPr fontId="1"/>
  </si>
  <si>
    <t>１．調査方法</t>
    <rPh sb="2" eb="4">
      <t>チョウサ</t>
    </rPh>
    <rPh sb="4" eb="6">
      <t>ホウホウ</t>
    </rPh>
    <phoneticPr fontId="1"/>
  </si>
  <si>
    <t>（５）その他</t>
    <rPh sb="5" eb="6">
      <t>ホカ</t>
    </rPh>
    <phoneticPr fontId="1"/>
  </si>
  <si>
    <t>２．回答状況等</t>
    <rPh sb="2" eb="6">
      <t>カイトウジョウキョウ</t>
    </rPh>
    <rPh sb="6" eb="7">
      <t>トウ</t>
    </rPh>
    <phoneticPr fontId="1"/>
  </si>
  <si>
    <r>
      <t xml:space="preserve">回答施設割合
</t>
    </r>
    <r>
      <rPr>
        <sz val="9"/>
        <rFont val="ＭＳ Ｐ明朝"/>
        <family val="1"/>
        <charset val="128"/>
      </rPr>
      <t>(b/回答施設総数）</t>
    </r>
    <rPh sb="12" eb="14">
      <t>シセツ</t>
    </rPh>
    <phoneticPr fontId="2"/>
  </si>
  <si>
    <t>（１）調査目的　</t>
    <phoneticPr fontId="1"/>
  </si>
  <si>
    <t>（２）調査対象　</t>
    <phoneticPr fontId="2"/>
  </si>
  <si>
    <t>（３）対象期間　</t>
    <phoneticPr fontId="2"/>
  </si>
  <si>
    <t>（４）回答数　　</t>
    <phoneticPr fontId="2"/>
  </si>
  <si>
    <t>：看護職員就業状況について実態を把握し、今後の施策に活用する</t>
    <phoneticPr fontId="1"/>
  </si>
  <si>
    <t>：図及び統計表の数値は少数第二位を四捨五入しているため項目の和と計の値は必ずしも一致しない</t>
    <rPh sb="1" eb="2">
      <t>ズ</t>
    </rPh>
    <rPh sb="2" eb="3">
      <t>オヨ</t>
    </rPh>
    <rPh sb="4" eb="7">
      <t>トウケイヒョウ</t>
    </rPh>
    <rPh sb="8" eb="10">
      <t>スウチ</t>
    </rPh>
    <rPh sb="11" eb="13">
      <t>ショウスウ</t>
    </rPh>
    <rPh sb="13" eb="15">
      <t>ダイニ</t>
    </rPh>
    <rPh sb="15" eb="16">
      <t>イ</t>
    </rPh>
    <rPh sb="17" eb="21">
      <t>シシャゴニュウ</t>
    </rPh>
    <rPh sb="27" eb="29">
      <t>コウモク</t>
    </rPh>
    <rPh sb="30" eb="31">
      <t>ワ</t>
    </rPh>
    <rPh sb="32" eb="33">
      <t>ケイ</t>
    </rPh>
    <rPh sb="34" eb="35">
      <t>アタイ</t>
    </rPh>
    <rPh sb="36" eb="37">
      <t>カナラ</t>
    </rPh>
    <rPh sb="40" eb="42">
      <t>イッチ</t>
    </rPh>
    <phoneticPr fontId="1"/>
  </si>
  <si>
    <t>：未回答等のため設問により回答数が異なる場合がある</t>
    <rPh sb="1" eb="4">
      <t>ミカイトウ</t>
    </rPh>
    <rPh sb="4" eb="5">
      <t>ナド</t>
    </rPh>
    <rPh sb="8" eb="10">
      <t>セツモン</t>
    </rPh>
    <rPh sb="13" eb="16">
      <t>カイトウスウ</t>
    </rPh>
    <rPh sb="17" eb="18">
      <t>コト</t>
    </rPh>
    <rPh sb="20" eb="22">
      <t>バアイ</t>
    </rPh>
    <phoneticPr fontId="1"/>
  </si>
  <si>
    <t>Ⅰ</t>
    <phoneticPr fontId="1"/>
  </si>
  <si>
    <t>調査方法及び概要</t>
    <phoneticPr fontId="1"/>
  </si>
  <si>
    <t>Ⅱ</t>
    <phoneticPr fontId="1"/>
  </si>
  <si>
    <t>結果</t>
    <phoneticPr fontId="1"/>
  </si>
  <si>
    <t>退職者数</t>
    <rPh sb="0" eb="3">
      <t>タイショクシャ</t>
    </rPh>
    <rPh sb="3" eb="4">
      <t>スウ</t>
    </rPh>
    <phoneticPr fontId="1"/>
  </si>
  <si>
    <t>合　計</t>
    <phoneticPr fontId="1"/>
  </si>
  <si>
    <t>構成比</t>
    <rPh sb="0" eb="3">
      <t>コウセイヒ</t>
    </rPh>
    <phoneticPr fontId="1"/>
  </si>
  <si>
    <t>３．経験者　採用状況</t>
    <rPh sb="2" eb="5">
      <t>ケイケンシャ</t>
    </rPh>
    <rPh sb="6" eb="8">
      <t>サイヨウ</t>
    </rPh>
    <rPh sb="8" eb="10">
      <t>ジョウキョウ</t>
    </rPh>
    <phoneticPr fontId="1"/>
  </si>
  <si>
    <t>*新人は【２．新卒新採用職員　採用状況と離職率】〔全体〕常勤 再掲</t>
    <rPh sb="1" eb="3">
      <t>シンジン</t>
    </rPh>
    <rPh sb="25" eb="27">
      <t>ゼンタイ</t>
    </rPh>
    <rPh sb="28" eb="30">
      <t>ジョウキン</t>
    </rPh>
    <rPh sb="31" eb="33">
      <t>サイケイ</t>
    </rPh>
    <phoneticPr fontId="1"/>
  </si>
  <si>
    <t>４．常勤職員　経験年数別離職率</t>
    <rPh sb="2" eb="4">
      <t>ジョウキン</t>
    </rPh>
    <rPh sb="4" eb="6">
      <t>ショクイン</t>
    </rPh>
    <rPh sb="7" eb="9">
      <t>ケイケン</t>
    </rPh>
    <rPh sb="9" eb="11">
      <t>ネンスウ</t>
    </rPh>
    <rPh sb="11" eb="12">
      <t>ベツ</t>
    </rPh>
    <rPh sb="12" eb="15">
      <t>リショクリツ</t>
    </rPh>
    <phoneticPr fontId="2"/>
  </si>
  <si>
    <t>・常勤看護職員のうち、</t>
    <rPh sb="1" eb="3">
      <t>ジョウキン</t>
    </rPh>
    <rPh sb="3" eb="5">
      <t>カンゴ</t>
    </rPh>
    <rPh sb="5" eb="7">
      <t>ショクイン</t>
    </rPh>
    <phoneticPr fontId="2"/>
  </si>
  <si>
    <t>（１）-２　二次医療圏別</t>
    <rPh sb="6" eb="11">
      <t>ニジイリョウケン</t>
    </rPh>
    <rPh sb="11" eb="12">
      <t>ベツ</t>
    </rPh>
    <phoneticPr fontId="1"/>
  </si>
  <si>
    <t>（１）-２　二次医療圏別</t>
    <rPh sb="6" eb="8">
      <t>ニジ</t>
    </rPh>
    <rPh sb="8" eb="10">
      <t>イリョウ</t>
    </rPh>
    <rPh sb="10" eb="11">
      <t>ケン</t>
    </rPh>
    <rPh sb="11" eb="12">
      <t>ベツ</t>
    </rPh>
    <phoneticPr fontId="1"/>
  </si>
  <si>
    <t>（３）-２　二次医療圏別</t>
    <rPh sb="6" eb="8">
      <t>ニジ</t>
    </rPh>
    <rPh sb="8" eb="10">
      <t>イリョウ</t>
    </rPh>
    <rPh sb="10" eb="11">
      <t>ケン</t>
    </rPh>
    <rPh sb="11" eb="12">
      <t>ベツ</t>
    </rPh>
    <phoneticPr fontId="1"/>
  </si>
  <si>
    <t>（１）-１　特定行為研修の修了者等　病床数別</t>
    <rPh sb="6" eb="8">
      <t>トクテイ</t>
    </rPh>
    <rPh sb="8" eb="10">
      <t>コウイ</t>
    </rPh>
    <rPh sb="10" eb="12">
      <t>ケンシュウ</t>
    </rPh>
    <rPh sb="13" eb="16">
      <t>シュウリョウシャ</t>
    </rPh>
    <rPh sb="16" eb="17">
      <t>トウ</t>
    </rPh>
    <rPh sb="18" eb="21">
      <t>ビョウショウスウ</t>
    </rPh>
    <rPh sb="21" eb="22">
      <t>ベツ</t>
    </rPh>
    <phoneticPr fontId="2"/>
  </si>
  <si>
    <t>（１）-１　採用状況　病床数別</t>
    <rPh sb="6" eb="8">
      <t>サイヨウ</t>
    </rPh>
    <rPh sb="8" eb="10">
      <t>ジョウキョウ</t>
    </rPh>
    <rPh sb="11" eb="14">
      <t>ビョウショウスウ</t>
    </rPh>
    <rPh sb="14" eb="15">
      <t>ベツ</t>
    </rPh>
    <phoneticPr fontId="2"/>
  </si>
  <si>
    <t>（３）-２　（３）-１のうち　その他・コメント</t>
    <rPh sb="17" eb="18">
      <t>ホカ</t>
    </rPh>
    <phoneticPr fontId="1"/>
  </si>
  <si>
    <t>（２）-１　病床数別 退職後の進路（人数）</t>
    <rPh sb="6" eb="9">
      <t>ビョウショウスウ</t>
    </rPh>
    <rPh sb="9" eb="10">
      <t>ベツ</t>
    </rPh>
    <rPh sb="11" eb="14">
      <t>タイショクゴ</t>
    </rPh>
    <rPh sb="15" eb="17">
      <t>シンロ</t>
    </rPh>
    <rPh sb="18" eb="20">
      <t>ニンズウ</t>
    </rPh>
    <phoneticPr fontId="2"/>
  </si>
  <si>
    <t>離職率　</t>
    <phoneticPr fontId="1"/>
  </si>
  <si>
    <t>離職率</t>
    <phoneticPr fontId="1"/>
  </si>
  <si>
    <t>病床数</t>
    <rPh sb="0" eb="2">
      <t>ビョウショウ</t>
    </rPh>
    <rPh sb="2" eb="3">
      <t>スウ</t>
    </rPh>
    <phoneticPr fontId="1"/>
  </si>
  <si>
    <t>回答施設数</t>
    <rPh sb="0" eb="2">
      <t>カイトウ</t>
    </rPh>
    <rPh sb="2" eb="4">
      <t>シセツ</t>
    </rPh>
    <rPh sb="4" eb="5">
      <t>スウ</t>
    </rPh>
    <phoneticPr fontId="2"/>
  </si>
  <si>
    <t>回答施設数*</t>
    <rPh sb="0" eb="2">
      <t>カイトウ</t>
    </rPh>
    <rPh sb="2" eb="4">
      <t>シセツ</t>
    </rPh>
    <rPh sb="4" eb="5">
      <t>スウ</t>
    </rPh>
    <phoneticPr fontId="2"/>
  </si>
  <si>
    <t>*全回答施設数から必要0採用0の施設を除いた件数</t>
    <rPh sb="1" eb="2">
      <t>ゼン</t>
    </rPh>
    <rPh sb="2" eb="4">
      <t>カイトウ</t>
    </rPh>
    <rPh sb="4" eb="6">
      <t>シセツ</t>
    </rPh>
    <rPh sb="6" eb="7">
      <t>スウ</t>
    </rPh>
    <rPh sb="9" eb="11">
      <t>ヒツヨウ</t>
    </rPh>
    <rPh sb="12" eb="14">
      <t>サイヨウ</t>
    </rPh>
    <rPh sb="16" eb="18">
      <t>シセツ</t>
    </rPh>
    <rPh sb="19" eb="20">
      <t>ノゾ</t>
    </rPh>
    <rPh sb="22" eb="24">
      <t>ケンスウ</t>
    </rPh>
    <phoneticPr fontId="1"/>
  </si>
  <si>
    <t>あると回答した施設数</t>
    <rPh sb="3" eb="5">
      <t>カイトウ</t>
    </rPh>
    <rPh sb="7" eb="9">
      <t>シセツ</t>
    </rPh>
    <rPh sb="9" eb="10">
      <t>スウ</t>
    </rPh>
    <phoneticPr fontId="1"/>
  </si>
  <si>
    <t>回答施設数</t>
    <rPh sb="0" eb="2">
      <t>カイトウ</t>
    </rPh>
    <rPh sb="2" eb="4">
      <t>シセツ</t>
    </rPh>
    <rPh sb="4" eb="5">
      <t>スウ</t>
    </rPh>
    <phoneticPr fontId="1"/>
  </si>
  <si>
    <t>いると回答した施設の
割合</t>
    <rPh sb="3" eb="5">
      <t>カイトウ</t>
    </rPh>
    <rPh sb="7" eb="9">
      <t>シセツ</t>
    </rPh>
    <rPh sb="11" eb="13">
      <t>ワリアイ</t>
    </rPh>
    <phoneticPr fontId="1"/>
  </si>
  <si>
    <t>n=</t>
    <phoneticPr fontId="1"/>
  </si>
  <si>
    <t>新人離職率（％）＝R5年度中退職者数/R5年度採用数＊100</t>
    <rPh sb="0" eb="2">
      <t>シンジン</t>
    </rPh>
    <rPh sb="11" eb="13">
      <t>ネンド</t>
    </rPh>
    <rPh sb="13" eb="14">
      <t>チュウ</t>
    </rPh>
    <rPh sb="14" eb="16">
      <t>タイショク</t>
    </rPh>
    <rPh sb="16" eb="17">
      <t>シャ</t>
    </rPh>
    <rPh sb="17" eb="18">
      <t>スウ</t>
    </rPh>
    <rPh sb="21" eb="23">
      <t>ネンド</t>
    </rPh>
    <rPh sb="23" eb="26">
      <t>サイヨウスウ</t>
    </rPh>
    <phoneticPr fontId="1"/>
  </si>
  <si>
    <t>2年目以降離職率（％）＝R5年度中退職者数/R5.4.1在籍数＊100</t>
    <rPh sb="1" eb="5">
      <t>ネンメイコウ</t>
    </rPh>
    <rPh sb="14" eb="16">
      <t>ネンド</t>
    </rPh>
    <rPh sb="16" eb="17">
      <t>チュウ</t>
    </rPh>
    <rPh sb="17" eb="19">
      <t>タイショク</t>
    </rPh>
    <rPh sb="19" eb="20">
      <t>シャ</t>
    </rPh>
    <rPh sb="20" eb="21">
      <t>スウ</t>
    </rPh>
    <rPh sb="28" eb="30">
      <t>ザイセキ</t>
    </rPh>
    <rPh sb="30" eb="31">
      <t>スウ</t>
    </rPh>
    <phoneticPr fontId="1"/>
  </si>
  <si>
    <t>R5年度採用者数</t>
    <rPh sb="2" eb="4">
      <t>ネンド</t>
    </rPh>
    <rPh sb="4" eb="6">
      <t>サイヨウ</t>
    </rPh>
    <rPh sb="6" eb="7">
      <t>シャ</t>
    </rPh>
    <rPh sb="7" eb="8">
      <t>スウ</t>
    </rPh>
    <phoneticPr fontId="2"/>
  </si>
  <si>
    <t>R5年度中退職者数</t>
    <rPh sb="4" eb="5">
      <t>ナカ</t>
    </rPh>
    <phoneticPr fontId="2"/>
  </si>
  <si>
    <t>R5.4.1在籍数</t>
  </si>
  <si>
    <t>R5.4.1付け採用者数</t>
    <rPh sb="6" eb="7">
      <t>ヅ</t>
    </rPh>
    <rPh sb="8" eb="10">
      <t>サイヨウ</t>
    </rPh>
    <rPh sb="10" eb="11">
      <t>シャ</t>
    </rPh>
    <rPh sb="11" eb="12">
      <t>スウ</t>
    </rPh>
    <phoneticPr fontId="1"/>
  </si>
  <si>
    <t>R5.4.2～R6.3.31までの採用者数</t>
    <rPh sb="17" eb="19">
      <t>サイヨウ</t>
    </rPh>
    <rPh sb="19" eb="20">
      <t>シャ</t>
    </rPh>
    <rPh sb="20" eb="21">
      <t>スウ</t>
    </rPh>
    <phoneticPr fontId="1"/>
  </si>
  <si>
    <t>合計（R5.4.1～R6.3.31）</t>
    <rPh sb="0" eb="2">
      <t>ゴウケイ</t>
    </rPh>
    <phoneticPr fontId="1"/>
  </si>
  <si>
    <t>まあまあできた</t>
    <phoneticPr fontId="1"/>
  </si>
  <si>
    <t>：令和５（2023）年４月１日～令和６（2024）年３月31日</t>
    <phoneticPr fontId="1"/>
  </si>
  <si>
    <t>R5.4.1時点の就業人数</t>
    <rPh sb="11" eb="12">
      <t>ニン</t>
    </rPh>
    <phoneticPr fontId="1"/>
  </si>
  <si>
    <t>R6.3.31時点の就業人数</t>
    <phoneticPr fontId="1"/>
  </si>
  <si>
    <t>令和５（2023）年度　看護職員就業実態調査 （病院）</t>
    <rPh sb="24" eb="26">
      <t>ビョウイン</t>
    </rPh>
    <phoneticPr fontId="2"/>
  </si>
  <si>
    <t>R6.3.31時点の看護補助者人数</t>
    <rPh sb="10" eb="12">
      <t>カンゴ</t>
    </rPh>
    <rPh sb="12" eb="15">
      <t>ホジョシャ</t>
    </rPh>
    <rPh sb="15" eb="16">
      <t>ニン</t>
    </rPh>
    <rPh sb="16" eb="17">
      <t>スウ</t>
    </rPh>
    <phoneticPr fontId="1"/>
  </si>
  <si>
    <t>n=退職者0を含まない（1名以上いる）事業所</t>
    <rPh sb="2" eb="4">
      <t>タイショク</t>
    </rPh>
    <rPh sb="4" eb="5">
      <t>シャ</t>
    </rPh>
    <rPh sb="7" eb="8">
      <t>フク</t>
    </rPh>
    <rPh sb="13" eb="16">
      <t>メイイジョウ</t>
    </rPh>
    <rPh sb="19" eb="22">
      <t>ジギョウショ</t>
    </rPh>
    <phoneticPr fontId="1"/>
  </si>
  <si>
    <t>R6.3.31職員数</t>
    <rPh sb="7" eb="10">
      <t>ショクインスウ</t>
    </rPh>
    <phoneticPr fontId="1"/>
  </si>
  <si>
    <t>R5.4.1～R6.3.31の退職者数</t>
    <rPh sb="15" eb="17">
      <t>タイショク</t>
    </rPh>
    <rPh sb="17" eb="18">
      <t>シャ</t>
    </rPh>
    <rPh sb="18" eb="19">
      <t>スウ</t>
    </rPh>
    <phoneticPr fontId="1"/>
  </si>
  <si>
    <t>(R5.4.1職員数＋R6.3.31職員数)/2</t>
    <rPh sb="7" eb="10">
      <t>ショクインスウ</t>
    </rPh>
    <rPh sb="18" eb="21">
      <t>ショクインスウ</t>
    </rPh>
    <phoneticPr fontId="1"/>
  </si>
  <si>
    <t>R5.4.1職員数　</t>
    <rPh sb="6" eb="8">
      <t>ショクイン</t>
    </rPh>
    <rPh sb="8" eb="9">
      <t>スウ</t>
    </rPh>
    <phoneticPr fontId="1"/>
  </si>
  <si>
    <t>※R6.3.31時点</t>
    <rPh sb="8" eb="10">
      <t>ジテン</t>
    </rPh>
    <phoneticPr fontId="1"/>
  </si>
  <si>
    <t>離職率（％）＝R5年度中退職者数/採用数＊100</t>
    <rPh sb="9" eb="12">
      <t>ネンドチュウ</t>
    </rPh>
    <rPh sb="12" eb="14">
      <t>タイショク</t>
    </rPh>
    <rPh sb="14" eb="15">
      <t>シャ</t>
    </rPh>
    <rPh sb="15" eb="16">
      <t>スウ</t>
    </rPh>
    <rPh sb="17" eb="20">
      <t>サイヨウスウ</t>
    </rPh>
    <phoneticPr fontId="1"/>
  </si>
  <si>
    <t>R5年度採用数</t>
    <rPh sb="2" eb="4">
      <t>ネンド</t>
    </rPh>
    <rPh sb="4" eb="6">
      <t>サイヨウ</t>
    </rPh>
    <rPh sb="6" eb="7">
      <t>スウ</t>
    </rPh>
    <phoneticPr fontId="2"/>
  </si>
  <si>
    <t>７．令和６年度　採用状況</t>
    <rPh sb="5" eb="7">
      <t>ネンド</t>
    </rPh>
    <rPh sb="8" eb="10">
      <t>サイヨウ</t>
    </rPh>
    <rPh sb="10" eb="12">
      <t>ジョウキョウ</t>
    </rPh>
    <phoneticPr fontId="2"/>
  </si>
  <si>
    <t>修了者のいる施設</t>
    <rPh sb="0" eb="3">
      <t>シュウリョウシャ</t>
    </rPh>
    <rPh sb="6" eb="8">
      <t>シセツ</t>
    </rPh>
    <phoneticPr fontId="1"/>
  </si>
  <si>
    <t>R4までの修了者数</t>
    <rPh sb="5" eb="8">
      <t>シュウリョウシャ</t>
    </rPh>
    <rPh sb="8" eb="9">
      <t>スウ</t>
    </rPh>
    <phoneticPr fontId="1"/>
  </si>
  <si>
    <t>R5までの修了者数</t>
    <rPh sb="5" eb="8">
      <t>シュウリョウシャ</t>
    </rPh>
    <rPh sb="8" eb="9">
      <t>スウ</t>
    </rPh>
    <phoneticPr fontId="1"/>
  </si>
  <si>
    <t>　　　特定行為区分</t>
    <phoneticPr fontId="1"/>
  </si>
  <si>
    <t>領域別パッケージ区分</t>
    <rPh sb="0" eb="2">
      <t>リョウイキ</t>
    </rPh>
    <rPh sb="2" eb="3">
      <t>ベツ</t>
    </rPh>
    <rPh sb="8" eb="10">
      <t>クブン</t>
    </rPh>
    <phoneticPr fontId="1"/>
  </si>
  <si>
    <t>小計（延べ）</t>
    <rPh sb="0" eb="2">
      <t>ショウケイ</t>
    </rPh>
    <rPh sb="3" eb="4">
      <t>ノ</t>
    </rPh>
    <phoneticPr fontId="13"/>
  </si>
  <si>
    <t>在宅・慢性期領域</t>
    <rPh sb="0" eb="2">
      <t>ザイタク</t>
    </rPh>
    <rPh sb="3" eb="6">
      <t>マンセイキ</t>
    </rPh>
    <rPh sb="6" eb="8">
      <t>リョウイキ</t>
    </rPh>
    <phoneticPr fontId="1"/>
  </si>
  <si>
    <t>外科術後病棟管理領域</t>
    <rPh sb="0" eb="2">
      <t>ゲカ</t>
    </rPh>
    <rPh sb="2" eb="4">
      <t>ジュツゴ</t>
    </rPh>
    <rPh sb="4" eb="6">
      <t>ビョウトウ</t>
    </rPh>
    <rPh sb="6" eb="8">
      <t>カンリ</t>
    </rPh>
    <rPh sb="8" eb="10">
      <t>リョウイキ</t>
    </rPh>
    <phoneticPr fontId="1"/>
  </si>
  <si>
    <t>術中麻酔管理領域</t>
    <rPh sb="0" eb="2">
      <t>ジュツチュウ</t>
    </rPh>
    <rPh sb="2" eb="4">
      <t>マスイ</t>
    </rPh>
    <rPh sb="4" eb="6">
      <t>カンリ</t>
    </rPh>
    <rPh sb="6" eb="8">
      <t>リョウイキ</t>
    </rPh>
    <phoneticPr fontId="1"/>
  </si>
  <si>
    <t>救急領域</t>
    <rPh sb="0" eb="2">
      <t>キュウキュウ</t>
    </rPh>
    <rPh sb="2" eb="4">
      <t>リョウイキ</t>
    </rPh>
    <phoneticPr fontId="1"/>
  </si>
  <si>
    <t>外科系基本領域</t>
    <rPh sb="0" eb="2">
      <t>ゲカ</t>
    </rPh>
    <rPh sb="2" eb="3">
      <t>ケイ</t>
    </rPh>
    <rPh sb="3" eb="5">
      <t>キホン</t>
    </rPh>
    <rPh sb="5" eb="7">
      <t>リョウイキ</t>
    </rPh>
    <phoneticPr fontId="13"/>
  </si>
  <si>
    <t>集中治療領域</t>
    <rPh sb="0" eb="2">
      <t>シュウチュウ</t>
    </rPh>
    <rPh sb="2" eb="4">
      <t>チリョウ</t>
    </rPh>
    <rPh sb="4" eb="6">
      <t>リョウイキ</t>
    </rPh>
    <phoneticPr fontId="1"/>
  </si>
  <si>
    <t>修了者合計　特定行為区分+領域別（延べ）</t>
    <rPh sb="0" eb="3">
      <t>シュウリョウシャ</t>
    </rPh>
    <rPh sb="3" eb="5">
      <t>ゴウケイ</t>
    </rPh>
    <rPh sb="6" eb="8">
      <t>トクテイ</t>
    </rPh>
    <rPh sb="8" eb="10">
      <t>コウイ</t>
    </rPh>
    <rPh sb="10" eb="12">
      <t>クブン</t>
    </rPh>
    <rPh sb="13" eb="15">
      <t>リョウイキ</t>
    </rPh>
    <rPh sb="15" eb="16">
      <t>ベツ</t>
    </rPh>
    <rPh sb="17" eb="18">
      <t>ノ</t>
    </rPh>
    <phoneticPr fontId="1"/>
  </si>
  <si>
    <t>＜令和６（2024）年5月実施＞</t>
    <rPh sb="1" eb="3">
      <t>レイワ</t>
    </rPh>
    <phoneticPr fontId="2"/>
  </si>
  <si>
    <t>R6.3.31時点の平均看護単位</t>
    <rPh sb="7" eb="9">
      <t>ジテン</t>
    </rPh>
    <rPh sb="10" eb="12">
      <t>ヘイキン</t>
    </rPh>
    <rPh sb="12" eb="14">
      <t>カンゴ</t>
    </rPh>
    <rPh sb="14" eb="16">
      <t>タンイ</t>
    </rPh>
    <phoneticPr fontId="2"/>
  </si>
  <si>
    <t>R6.3.31時点の平均勤続年数</t>
    <rPh sb="7" eb="9">
      <t>ジテン</t>
    </rPh>
    <rPh sb="10" eb="12">
      <t>ヘイキン</t>
    </rPh>
    <rPh sb="12" eb="14">
      <t>キンゾク</t>
    </rPh>
    <rPh sb="14" eb="16">
      <t>ネンスウ</t>
    </rPh>
    <phoneticPr fontId="1"/>
  </si>
  <si>
    <t>R5.9月の平均残業時間</t>
    <rPh sb="4" eb="5">
      <t>ガツ</t>
    </rPh>
    <rPh sb="6" eb="8">
      <t>ヘイキン</t>
    </rPh>
    <rPh sb="8" eb="10">
      <t>ザンギョウ</t>
    </rPh>
    <rPh sb="10" eb="12">
      <t>ジカン</t>
    </rPh>
    <phoneticPr fontId="1"/>
  </si>
  <si>
    <t>看護補助者合計のうち60歳以上の人数</t>
    <rPh sb="0" eb="2">
      <t>カンゴ</t>
    </rPh>
    <rPh sb="2" eb="5">
      <t>ホジョシャ</t>
    </rPh>
    <rPh sb="5" eb="7">
      <t>ゴウケイ</t>
    </rPh>
    <rPh sb="12" eb="15">
      <t>サイイジョウ</t>
    </rPh>
    <rPh sb="16" eb="18">
      <t>ニンズウ</t>
    </rPh>
    <phoneticPr fontId="1"/>
  </si>
  <si>
    <t>足りている施設</t>
    <rPh sb="0" eb="1">
      <t>タ</t>
    </rPh>
    <rPh sb="5" eb="7">
      <t>シセツ</t>
    </rPh>
    <phoneticPr fontId="1"/>
  </si>
  <si>
    <t>不足人数合計</t>
    <rPh sb="0" eb="2">
      <t>フソク</t>
    </rPh>
    <rPh sb="2" eb="4">
      <t>ニンズウ</t>
    </rPh>
    <rPh sb="4" eb="6">
      <t>ゴウケイ</t>
    </rPh>
    <phoneticPr fontId="1"/>
  </si>
  <si>
    <t>不足している施設</t>
    <rPh sb="0" eb="2">
      <t>フソク</t>
    </rPh>
    <rPh sb="6" eb="8">
      <t>シセツ</t>
    </rPh>
    <phoneticPr fontId="1"/>
  </si>
  <si>
    <t>　*　不足人数合計/不足している施設数</t>
    <rPh sb="3" eb="5">
      <t>フソク</t>
    </rPh>
    <rPh sb="5" eb="7">
      <t>ニンズウ</t>
    </rPh>
    <rPh sb="7" eb="9">
      <t>ゴウケイ</t>
    </rPh>
    <rPh sb="10" eb="12">
      <t>フソク</t>
    </rPh>
    <rPh sb="16" eb="18">
      <t>シセツ</t>
    </rPh>
    <rPh sb="18" eb="19">
      <t>スウ</t>
    </rPh>
    <phoneticPr fontId="1"/>
  </si>
  <si>
    <t>1施設当たり
平均不足人数　*</t>
    <rPh sb="1" eb="3">
      <t>シセツ</t>
    </rPh>
    <rPh sb="3" eb="4">
      <t>ア</t>
    </rPh>
    <phoneticPr fontId="1"/>
  </si>
  <si>
    <t>60歳以上の割合</t>
    <rPh sb="2" eb="5">
      <t>サイイジョウ</t>
    </rPh>
    <rPh sb="6" eb="8">
      <t>ワリアイ</t>
    </rPh>
    <phoneticPr fontId="1"/>
  </si>
  <si>
    <t>（３）病床数別充足状況</t>
    <rPh sb="3" eb="6">
      <t>ビョウショウスウ</t>
    </rPh>
    <rPh sb="6" eb="7">
      <t>ベツ</t>
    </rPh>
    <rPh sb="7" eb="9">
      <t>ジュウソク</t>
    </rPh>
    <rPh sb="9" eb="11">
      <t>ジョウキョウ</t>
    </rPh>
    <phoneticPr fontId="2"/>
  </si>
  <si>
    <t>（４）二次医療圏別充足状況</t>
    <rPh sb="3" eb="8">
      <t>ニジイリョウケン</t>
    </rPh>
    <rPh sb="8" eb="9">
      <t>ベツ</t>
    </rPh>
    <rPh sb="9" eb="11">
      <t>ジュウソク</t>
    </rPh>
    <rPh sb="11" eb="13">
      <t>ジョウキョウ</t>
    </rPh>
    <phoneticPr fontId="2"/>
  </si>
  <si>
    <t>小計</t>
    <rPh sb="0" eb="2">
      <t>ショウケイ</t>
    </rPh>
    <phoneticPr fontId="1"/>
  </si>
  <si>
    <t>経験者採用全体</t>
    <rPh sb="0" eb="3">
      <t>ケイケンシャ</t>
    </rPh>
    <rPh sb="3" eb="5">
      <t>サイヨウ</t>
    </rPh>
    <rPh sb="5" eb="7">
      <t>ゼンタイ</t>
    </rPh>
    <phoneticPr fontId="1"/>
  </si>
  <si>
    <t>割合</t>
    <rPh sb="0" eb="2">
      <t>ワリアイ</t>
    </rPh>
    <phoneticPr fontId="1"/>
  </si>
  <si>
    <t>身体不調</t>
    <rPh sb="0" eb="2">
      <t>シンタイ</t>
    </rPh>
    <rPh sb="2" eb="4">
      <t>フチョウ</t>
    </rPh>
    <phoneticPr fontId="2"/>
  </si>
  <si>
    <t>メンタル不調</t>
    <rPh sb="4" eb="6">
      <t>フチョウ</t>
    </rPh>
    <phoneticPr fontId="2"/>
  </si>
  <si>
    <t>その他（異動・他施設転職含）</t>
    <rPh sb="2" eb="3">
      <t>ホカ</t>
    </rPh>
    <rPh sb="4" eb="6">
      <t>イドウ</t>
    </rPh>
    <rPh sb="7" eb="8">
      <t>タ</t>
    </rPh>
    <rPh sb="8" eb="10">
      <t>シセツ</t>
    </rPh>
    <rPh sb="10" eb="12">
      <t>テンショク</t>
    </rPh>
    <rPh sb="12" eb="13">
      <t>フク</t>
    </rPh>
    <phoneticPr fontId="2"/>
  </si>
  <si>
    <t>不明（未把握ほか）</t>
    <rPh sb="0" eb="2">
      <t>フメイ</t>
    </rPh>
    <rPh sb="3" eb="4">
      <t>ミ</t>
    </rPh>
    <rPh sb="4" eb="6">
      <t>ハアク</t>
    </rPh>
    <phoneticPr fontId="2"/>
  </si>
  <si>
    <t>妊娠
出産子育て</t>
    <rPh sb="0" eb="2">
      <t>ニンシン</t>
    </rPh>
    <rPh sb="3" eb="5">
      <t>シュッサン</t>
    </rPh>
    <rPh sb="5" eb="7">
      <t>コソダ</t>
    </rPh>
    <phoneticPr fontId="2"/>
  </si>
  <si>
    <t>勤務負担</t>
    <rPh sb="0" eb="2">
      <t>キンム</t>
    </rPh>
    <rPh sb="2" eb="4">
      <t>フタン</t>
    </rPh>
    <phoneticPr fontId="2"/>
  </si>
  <si>
    <t>人間関係</t>
    <rPh sb="0" eb="2">
      <t>ニンゲン</t>
    </rPh>
    <rPh sb="2" eb="4">
      <t>カンケイ</t>
    </rPh>
    <phoneticPr fontId="2"/>
  </si>
  <si>
    <t>結婚</t>
    <rPh sb="0" eb="2">
      <t>ケッコン</t>
    </rPh>
    <phoneticPr fontId="1"/>
  </si>
  <si>
    <t>妊娠
出産子育て</t>
    <rPh sb="0" eb="2">
      <t>ニンシン</t>
    </rPh>
    <rPh sb="3" eb="5">
      <t>シュッサン</t>
    </rPh>
    <rPh sb="5" eb="7">
      <t>コソダ</t>
    </rPh>
    <phoneticPr fontId="1"/>
  </si>
  <si>
    <t>進学</t>
    <rPh sb="0" eb="2">
      <t>シンガク</t>
    </rPh>
    <phoneticPr fontId="1"/>
  </si>
  <si>
    <t>身体不調</t>
    <rPh sb="0" eb="2">
      <t>シンタイ</t>
    </rPh>
    <rPh sb="2" eb="4">
      <t>フチョウ</t>
    </rPh>
    <phoneticPr fontId="1"/>
  </si>
  <si>
    <t>メンタル不調</t>
    <rPh sb="4" eb="6">
      <t>フチョウ</t>
    </rPh>
    <phoneticPr fontId="1"/>
  </si>
  <si>
    <t>転居</t>
    <rPh sb="0" eb="2">
      <t>テンキョ</t>
    </rPh>
    <phoneticPr fontId="1"/>
  </si>
  <si>
    <t>教育体制</t>
    <rPh sb="0" eb="2">
      <t>キョウイク</t>
    </rPh>
    <rPh sb="2" eb="4">
      <t>タイセイ</t>
    </rPh>
    <phoneticPr fontId="1"/>
  </si>
  <si>
    <t>勤務負担</t>
    <rPh sb="0" eb="2">
      <t>キンム</t>
    </rPh>
    <rPh sb="2" eb="4">
      <t>フタン</t>
    </rPh>
    <phoneticPr fontId="1"/>
  </si>
  <si>
    <t>給与
福利厚生</t>
    <rPh sb="0" eb="2">
      <t>キュウヨ</t>
    </rPh>
    <rPh sb="3" eb="5">
      <t>フクリ</t>
    </rPh>
    <rPh sb="5" eb="7">
      <t>コウセイ</t>
    </rPh>
    <phoneticPr fontId="1"/>
  </si>
  <si>
    <t>人間関係</t>
    <rPh sb="0" eb="2">
      <t>ニンゲン</t>
    </rPh>
    <rPh sb="2" eb="4">
      <t>カンケイ</t>
    </rPh>
    <phoneticPr fontId="1"/>
  </si>
  <si>
    <t>その他（異動・他施設転職含）</t>
    <rPh sb="2" eb="3">
      <t>ホカ</t>
    </rPh>
    <rPh sb="4" eb="6">
      <t>イドウ</t>
    </rPh>
    <rPh sb="7" eb="8">
      <t>タ</t>
    </rPh>
    <rPh sb="8" eb="10">
      <t>シセツ</t>
    </rPh>
    <rPh sb="10" eb="12">
      <t>テンショク</t>
    </rPh>
    <rPh sb="12" eb="13">
      <t>フク</t>
    </rPh>
    <phoneticPr fontId="1"/>
  </si>
  <si>
    <t>他職種</t>
    <rPh sb="0" eb="1">
      <t>タ</t>
    </rPh>
    <rPh sb="1" eb="3">
      <t>ショクシュ</t>
    </rPh>
    <phoneticPr fontId="2"/>
  </si>
  <si>
    <t>（２）-２　病床数別 退職後の就職先（人数）</t>
    <rPh sb="6" eb="9">
      <t>ビョウショウスウ</t>
    </rPh>
    <rPh sb="9" eb="10">
      <t>ベツ</t>
    </rPh>
    <rPh sb="11" eb="14">
      <t>タイショクゴ</t>
    </rPh>
    <rPh sb="15" eb="17">
      <t>シュウショク</t>
    </rPh>
    <rPh sb="17" eb="18">
      <t>サキ</t>
    </rPh>
    <rPh sb="19" eb="21">
      <t>ニンズウ</t>
    </rPh>
    <phoneticPr fontId="2"/>
  </si>
  <si>
    <t>未定</t>
    <rPh sb="0" eb="2">
      <t>ミテイ</t>
    </rPh>
    <phoneticPr fontId="2"/>
  </si>
  <si>
    <t>（２）-３　　（２）-２のうち「県内の就職先」内訳</t>
    <rPh sb="16" eb="18">
      <t>ケンナイ</t>
    </rPh>
    <rPh sb="19" eb="21">
      <t>シュウショク</t>
    </rPh>
    <rPh sb="21" eb="22">
      <t>サキ</t>
    </rPh>
    <rPh sb="23" eb="25">
      <t>ウチワケ</t>
    </rPh>
    <phoneticPr fontId="1"/>
  </si>
  <si>
    <t>他の病院・診療所</t>
    <rPh sb="0" eb="1">
      <t>タ</t>
    </rPh>
    <rPh sb="2" eb="4">
      <t>ビョウイン</t>
    </rPh>
    <rPh sb="5" eb="8">
      <t>シンリョウジョ</t>
    </rPh>
    <phoneticPr fontId="2"/>
  </si>
  <si>
    <t>（３）　二次医療圏別　退職理由（人数）</t>
    <rPh sb="4" eb="9">
      <t>ニジイリョウケン</t>
    </rPh>
    <rPh sb="9" eb="10">
      <t>ベツ</t>
    </rPh>
    <rPh sb="11" eb="13">
      <t>タイショク</t>
    </rPh>
    <rPh sb="13" eb="15">
      <t>リユウ</t>
    </rPh>
    <rPh sb="16" eb="18">
      <t>ニンズウ</t>
    </rPh>
    <phoneticPr fontId="2"/>
  </si>
  <si>
    <t>（４）-１　二次医療圏別 退職後の進路（人数）</t>
    <rPh sb="6" eb="11">
      <t>ニジイリョウケン</t>
    </rPh>
    <rPh sb="11" eb="12">
      <t>ベツ</t>
    </rPh>
    <rPh sb="13" eb="16">
      <t>タイショクゴ</t>
    </rPh>
    <rPh sb="17" eb="19">
      <t>シンロ</t>
    </rPh>
    <rPh sb="20" eb="22">
      <t>ニンズウ</t>
    </rPh>
    <phoneticPr fontId="2"/>
  </si>
  <si>
    <t>（４）-２　二次医療圏別 退職後の就職先（人数）</t>
    <rPh sb="6" eb="11">
      <t>ニジイリョウケン</t>
    </rPh>
    <rPh sb="11" eb="12">
      <t>ベツ</t>
    </rPh>
    <rPh sb="13" eb="16">
      <t>タイショクゴ</t>
    </rPh>
    <rPh sb="17" eb="19">
      <t>シュウショク</t>
    </rPh>
    <rPh sb="19" eb="20">
      <t>サキ</t>
    </rPh>
    <rPh sb="21" eb="23">
      <t>ニンズウ</t>
    </rPh>
    <phoneticPr fontId="2"/>
  </si>
  <si>
    <t>（５）　経験年数別退職理由（人数）</t>
    <rPh sb="4" eb="6">
      <t>ケイケン</t>
    </rPh>
    <rPh sb="6" eb="8">
      <t>ネンスウ</t>
    </rPh>
    <rPh sb="8" eb="9">
      <t>ベツ</t>
    </rPh>
    <rPh sb="9" eb="11">
      <t>タイショク</t>
    </rPh>
    <rPh sb="11" eb="13">
      <t>リユウ</t>
    </rPh>
    <rPh sb="14" eb="16">
      <t>ニンズウ</t>
    </rPh>
    <phoneticPr fontId="1"/>
  </si>
  <si>
    <t>全て自施設</t>
    <rPh sb="0" eb="1">
      <t>スベ</t>
    </rPh>
    <rPh sb="2" eb="3">
      <t>ジ</t>
    </rPh>
    <rPh sb="3" eb="5">
      <t>シセツ</t>
    </rPh>
    <phoneticPr fontId="1"/>
  </si>
  <si>
    <t>一部外部</t>
    <rPh sb="0" eb="2">
      <t>イチブ</t>
    </rPh>
    <rPh sb="2" eb="4">
      <t>ガイブ</t>
    </rPh>
    <phoneticPr fontId="1"/>
  </si>
  <si>
    <t>全て外部</t>
    <rPh sb="0" eb="1">
      <t>スベ</t>
    </rPh>
    <rPh sb="2" eb="4">
      <t>ガイブ</t>
    </rPh>
    <phoneticPr fontId="1"/>
  </si>
  <si>
    <t>実施していない</t>
    <rPh sb="0" eb="2">
      <t>ジッシ</t>
    </rPh>
    <phoneticPr fontId="2"/>
  </si>
  <si>
    <t>（２）-１　実施状況（ガイドライン）</t>
    <rPh sb="6" eb="8">
      <t>ジッシ</t>
    </rPh>
    <rPh sb="8" eb="10">
      <t>ジョウキョウ</t>
    </rPh>
    <phoneticPr fontId="2"/>
  </si>
  <si>
    <t>（３）-１　実施状況（方法）</t>
    <rPh sb="6" eb="8">
      <t>ジッシ</t>
    </rPh>
    <rPh sb="8" eb="10">
      <t>ジョウキョウ</t>
    </rPh>
    <rPh sb="11" eb="13">
      <t>ホウホウ</t>
    </rPh>
    <phoneticPr fontId="1"/>
  </si>
  <si>
    <t>集合（対面）</t>
    <rPh sb="0" eb="2">
      <t>シュウゴウ</t>
    </rPh>
    <rPh sb="3" eb="5">
      <t>タイメン</t>
    </rPh>
    <phoneticPr fontId="1"/>
  </si>
  <si>
    <t>集合（少人数）</t>
    <rPh sb="0" eb="2">
      <t>シュウゴウ</t>
    </rPh>
    <rPh sb="3" eb="6">
      <t>ショウニンズウ</t>
    </rPh>
    <phoneticPr fontId="1"/>
  </si>
  <si>
    <t>オンライン</t>
    <phoneticPr fontId="1"/>
  </si>
  <si>
    <t>院外・外部</t>
    <rPh sb="0" eb="2">
      <t>インガイ</t>
    </rPh>
    <rPh sb="3" eb="5">
      <t>ガイブ</t>
    </rPh>
    <phoneticPr fontId="1"/>
  </si>
  <si>
    <t>その他</t>
    <rPh sb="2" eb="3">
      <t>ホカ</t>
    </rPh>
    <phoneticPr fontId="1"/>
  </si>
  <si>
    <t>（２）-２　（２）-１のうち外部研修の実施内容</t>
    <rPh sb="14" eb="16">
      <t>ガイブ</t>
    </rPh>
    <rPh sb="16" eb="18">
      <t>ケンシュウ</t>
    </rPh>
    <rPh sb="19" eb="21">
      <t>ジッシ</t>
    </rPh>
    <rPh sb="21" eb="23">
      <t>ナイヨウ</t>
    </rPh>
    <phoneticPr fontId="1"/>
  </si>
  <si>
    <t>（２）-３　（２）-１のうち　ガイドラインに沿った研修を実施していない理由</t>
    <rPh sb="22" eb="23">
      <t>ソ</t>
    </rPh>
    <rPh sb="25" eb="27">
      <t>ケンシュウ</t>
    </rPh>
    <rPh sb="28" eb="30">
      <t>ジッシ</t>
    </rPh>
    <rPh sb="35" eb="37">
      <t>リユウ</t>
    </rPh>
    <phoneticPr fontId="1"/>
  </si>
  <si>
    <t>確保率</t>
    <rPh sb="0" eb="2">
      <t>カクホ</t>
    </rPh>
    <rPh sb="2" eb="3">
      <t>リツ</t>
    </rPh>
    <phoneticPr fontId="1"/>
  </si>
  <si>
    <t>８．資格保有者</t>
    <rPh sb="2" eb="4">
      <t>シカク</t>
    </rPh>
    <rPh sb="4" eb="7">
      <t>ホユウシャ</t>
    </rPh>
    <phoneticPr fontId="2"/>
  </si>
  <si>
    <t>（１）　病床数別</t>
    <rPh sb="4" eb="7">
      <t>ビョウショウスウ</t>
    </rPh>
    <rPh sb="7" eb="8">
      <t>ベツ</t>
    </rPh>
    <phoneticPr fontId="2"/>
  </si>
  <si>
    <t>専門看護師</t>
    <rPh sb="0" eb="2">
      <t>センモン</t>
    </rPh>
    <rPh sb="2" eb="5">
      <t>カンゴシ</t>
    </rPh>
    <phoneticPr fontId="2"/>
  </si>
  <si>
    <t>認定看護師</t>
    <rPh sb="0" eb="2">
      <t>ニンテイ</t>
    </rPh>
    <rPh sb="2" eb="5">
      <t>カンゴシ</t>
    </rPh>
    <phoneticPr fontId="1"/>
  </si>
  <si>
    <t>ナースプラクティショナー（NP)</t>
    <phoneticPr fontId="1"/>
  </si>
  <si>
    <t>９．特定行為研修制度</t>
    <rPh sb="2" eb="4">
      <t>トクテイ</t>
    </rPh>
    <rPh sb="4" eb="6">
      <t>コウイ</t>
    </rPh>
    <rPh sb="6" eb="8">
      <t>ケンシュウ</t>
    </rPh>
    <rPh sb="8" eb="10">
      <t>セイド</t>
    </rPh>
    <phoneticPr fontId="2"/>
  </si>
  <si>
    <t>（２）-1　研修修了者の特定行為区分別人数</t>
    <rPh sb="6" eb="8">
      <t>ケンシュウ</t>
    </rPh>
    <rPh sb="8" eb="11">
      <t>シュウリョウシャ</t>
    </rPh>
    <rPh sb="12" eb="14">
      <t>トクテイ</t>
    </rPh>
    <rPh sb="14" eb="16">
      <t>コウイ</t>
    </rPh>
    <rPh sb="16" eb="18">
      <t>クブン</t>
    </rPh>
    <rPh sb="18" eb="19">
      <t>ベツ</t>
    </rPh>
    <rPh sb="19" eb="21">
      <t>ニンズウ</t>
    </rPh>
    <phoneticPr fontId="2"/>
  </si>
  <si>
    <t>（３）-１　受講経費補助の使用予定　病床数別</t>
    <rPh sb="6" eb="8">
      <t>ジュコウ</t>
    </rPh>
    <rPh sb="8" eb="10">
      <t>ケイヒ</t>
    </rPh>
    <rPh sb="10" eb="12">
      <t>ホジョ</t>
    </rPh>
    <rPh sb="13" eb="15">
      <t>シヨウ</t>
    </rPh>
    <rPh sb="15" eb="17">
      <t>ヨテイ</t>
    </rPh>
    <rPh sb="18" eb="21">
      <t>ビョウショウスウ</t>
    </rPh>
    <rPh sb="21" eb="22">
      <t>ベツ</t>
    </rPh>
    <phoneticPr fontId="2"/>
  </si>
  <si>
    <t>情報収集</t>
    <rPh sb="0" eb="2">
      <t>ジョウホウ</t>
    </rPh>
    <rPh sb="2" eb="4">
      <t>シュウシュウ</t>
    </rPh>
    <phoneticPr fontId="1"/>
  </si>
  <si>
    <t>他職種の理解</t>
    <rPh sb="0" eb="1">
      <t>タ</t>
    </rPh>
    <rPh sb="1" eb="3">
      <t>ショクシュ</t>
    </rPh>
    <rPh sb="4" eb="6">
      <t>リカイ</t>
    </rPh>
    <phoneticPr fontId="1"/>
  </si>
  <si>
    <t>人員不足</t>
    <rPh sb="0" eb="2">
      <t>ジンイン</t>
    </rPh>
    <rPh sb="2" eb="4">
      <t>ブソク</t>
    </rPh>
    <phoneticPr fontId="1"/>
  </si>
  <si>
    <t>希望者なし</t>
    <rPh sb="0" eb="3">
      <t>キボウシャ</t>
    </rPh>
    <phoneticPr fontId="1"/>
  </si>
  <si>
    <t>配置しない</t>
    <rPh sb="0" eb="2">
      <t>ハイチ</t>
    </rPh>
    <phoneticPr fontId="1"/>
  </si>
  <si>
    <t>補助あれば</t>
    <rPh sb="0" eb="2">
      <t>ホジョ</t>
    </rPh>
    <phoneticPr fontId="1"/>
  </si>
  <si>
    <t>その他</t>
    <rPh sb="2" eb="3">
      <t>ホカ</t>
    </rPh>
    <phoneticPr fontId="1"/>
  </si>
  <si>
    <t>経費が高額</t>
    <rPh sb="0" eb="2">
      <t>ケイヒ</t>
    </rPh>
    <rPh sb="3" eb="5">
      <t>コウガク</t>
    </rPh>
    <phoneticPr fontId="1"/>
  </si>
  <si>
    <t>（４）-１　修了者・受講中等の方がいない理由　病床数別</t>
    <phoneticPr fontId="1"/>
  </si>
  <si>
    <t>（４）-２　二次医療圏別</t>
    <rPh sb="6" eb="8">
      <t>ニジ</t>
    </rPh>
    <rPh sb="8" eb="10">
      <t>イリョウ</t>
    </rPh>
    <rPh sb="10" eb="11">
      <t>ケン</t>
    </rPh>
    <rPh sb="11" eb="12">
      <t>ベツ</t>
    </rPh>
    <phoneticPr fontId="1"/>
  </si>
  <si>
    <t>構成比</t>
    <rPh sb="0" eb="2">
      <t>コウセイ</t>
    </rPh>
    <rPh sb="2" eb="3">
      <t>ヒ</t>
    </rPh>
    <phoneticPr fontId="1"/>
  </si>
  <si>
    <t>：神奈川県内の病院　336施設</t>
    <phoneticPr fontId="1"/>
  </si>
  <si>
    <t>R4修了者</t>
    <rPh sb="2" eb="5">
      <t>シュウリョウシャ</t>
    </rPh>
    <phoneticPr fontId="13"/>
  </si>
  <si>
    <t>R5修了者</t>
    <rPh sb="2" eb="5">
      <t>シュウリョウシャ</t>
    </rPh>
    <phoneticPr fontId="13"/>
  </si>
  <si>
    <t>うち
定年後採用</t>
    <rPh sb="3" eb="6">
      <t>テイネンゴ</t>
    </rPh>
    <rPh sb="6" eb="8">
      <t>サイヨウ</t>
    </rPh>
    <phoneticPr fontId="1"/>
  </si>
  <si>
    <t>不明（未把握ほか）</t>
    <phoneticPr fontId="13"/>
  </si>
  <si>
    <t>家族の健康</t>
    <phoneticPr fontId="1"/>
  </si>
  <si>
    <t>・研修時間確保が困難</t>
    <phoneticPr fontId="1"/>
  </si>
  <si>
    <t>・効果的な研修実施が困難</t>
    <phoneticPr fontId="1"/>
  </si>
  <si>
    <t>・時間確保が困難</t>
    <phoneticPr fontId="1"/>
  </si>
  <si>
    <t>・担当者確保が困難</t>
    <phoneticPr fontId="1"/>
  </si>
  <si>
    <t>　常勤看護職員離職率は、高い順に　　県西（17.7%）、県央（16.0%）</t>
    <rPh sb="18" eb="20">
      <t>ケンセイ</t>
    </rPh>
    <rPh sb="28" eb="30">
      <t>ケンオウ</t>
    </rPh>
    <phoneticPr fontId="2"/>
  </si>
  <si>
    <t>　新卒常勤看護職員の離職率は、高い順に　県西（15.5％）、湘南東部（14.0%）</t>
    <rPh sb="20" eb="22">
      <t>ケンセイ</t>
    </rPh>
    <rPh sb="30" eb="32">
      <t>ショウナン</t>
    </rPh>
    <rPh sb="32" eb="34">
      <t>トウブ</t>
    </rPh>
    <phoneticPr fontId="2"/>
  </si>
  <si>
    <t>・常勤看護職員の離職率は 　13.9％、前年度は　13.9％で　　前年度増減なし</t>
    <rPh sb="33" eb="36">
      <t>ゼンネンド</t>
    </rPh>
    <rPh sb="36" eb="38">
      <t>ゾウゲン</t>
    </rPh>
    <phoneticPr fontId="2"/>
  </si>
  <si>
    <t>通算経験３年目の離職率は　20.1％で前年度から1.1ポイント増</t>
    <rPh sb="19" eb="22">
      <t>ゼンネンド</t>
    </rPh>
    <rPh sb="31" eb="32">
      <t>ゾウ</t>
    </rPh>
    <phoneticPr fontId="2"/>
  </si>
  <si>
    <t>通算経験５年目の離職率は　18.2％で前年度から3.5ポイント減</t>
    <rPh sb="19" eb="22">
      <t>ゼンネンド</t>
    </rPh>
    <rPh sb="31" eb="32">
      <t>ゲン</t>
    </rPh>
    <phoneticPr fontId="2"/>
  </si>
  <si>
    <t>・新卒新採用常勤看護職員の離職率は　11.4％、前年度は　11.1％で　前年度から0.3ポイント増</t>
    <rPh sb="3" eb="6">
      <t>シンサイヨウ</t>
    </rPh>
    <rPh sb="6" eb="8">
      <t>ジョウキン</t>
    </rPh>
    <rPh sb="8" eb="10">
      <t>カンゴ</t>
    </rPh>
    <rPh sb="10" eb="12">
      <t>ショクイン</t>
    </rPh>
    <rPh sb="13" eb="16">
      <t>リショクリツ</t>
    </rPh>
    <rPh sb="24" eb="27">
      <t>ゼンネンド</t>
    </rPh>
    <rPh sb="36" eb="39">
      <t>ゼンネンド</t>
    </rPh>
    <rPh sb="48" eb="49">
      <t>ゾウ</t>
    </rPh>
    <phoneticPr fontId="2"/>
  </si>
  <si>
    <t>令和５年５月に新型コロナウイルス感染症の感染症法上の位置づけが５類に移行して以降初めての実施となった。また、今回より調査票の回収方法を従来のメールによる回収から、システムへのアップロードによる回収へと変更をした。</t>
    <phoneticPr fontId="1"/>
  </si>
  <si>
    <t>：213施設 有効回収率63.4%（昨年度回収率69.6%）</t>
    <rPh sb="18" eb="21">
      <t>サクネンド</t>
    </rPh>
    <rPh sb="21" eb="23">
      <t>カイシュウ</t>
    </rPh>
    <rPh sb="23" eb="24">
      <t>リツ</t>
    </rPh>
    <phoneticPr fontId="1"/>
  </si>
  <si>
    <t>-</t>
    <phoneticPr fontId="1"/>
  </si>
  <si>
    <t>・がんばれ新人ナース、湘南ナース研修、ほか県看護協会等の研修</t>
    <rPh sb="5" eb="7">
      <t>シンジン</t>
    </rPh>
    <rPh sb="11" eb="13">
      <t>ショウナン</t>
    </rPh>
    <rPh sb="16" eb="18">
      <t>ケンシュウ</t>
    </rPh>
    <rPh sb="21" eb="22">
      <t>ケン</t>
    </rPh>
    <rPh sb="22" eb="26">
      <t>カンゴキョウカイ</t>
    </rPh>
    <rPh sb="26" eb="27">
      <t>トウ</t>
    </rPh>
    <rPh sb="28" eb="30">
      <t>ケンシュウ</t>
    </rPh>
    <phoneticPr fontId="1"/>
  </si>
  <si>
    <t>・フィジカルアセスメント</t>
    <phoneticPr fontId="1"/>
  </si>
  <si>
    <t>・法人や系列病院による研修</t>
    <rPh sb="1" eb="3">
      <t>ホウジン</t>
    </rPh>
    <rPh sb="4" eb="6">
      <t>ケイレツ</t>
    </rPh>
    <rPh sb="6" eb="8">
      <t>ビョウイン</t>
    </rPh>
    <rPh sb="11" eb="13">
      <t>ケンシュウ</t>
    </rPh>
    <phoneticPr fontId="1"/>
  </si>
  <si>
    <t>・接遇、ビジネスマナー</t>
    <rPh sb="1" eb="3">
      <t>セツグウ</t>
    </rPh>
    <phoneticPr fontId="1"/>
  </si>
  <si>
    <t>・メンタルヘルスマネジメント</t>
    <phoneticPr fontId="1"/>
  </si>
  <si>
    <t>・動画視聴（ナーシングスキル、学研等）</t>
    <rPh sb="1" eb="3">
      <t>ドウガ</t>
    </rPh>
    <rPh sb="3" eb="5">
      <t>シチョウ</t>
    </rPh>
    <rPh sb="15" eb="17">
      <t>ガッケン</t>
    </rPh>
    <rPh sb="17" eb="18">
      <t>トウ</t>
    </rPh>
    <phoneticPr fontId="1"/>
  </si>
  <si>
    <t>・その他（感染症対策、医療安全、スキンケア、多重課題研修等）</t>
    <rPh sb="3" eb="4">
      <t>ホカ</t>
    </rPh>
    <rPh sb="5" eb="8">
      <t>カンセンショウ</t>
    </rPh>
    <rPh sb="8" eb="10">
      <t>タイサク</t>
    </rPh>
    <rPh sb="11" eb="13">
      <t>イリョウ</t>
    </rPh>
    <rPh sb="13" eb="15">
      <t>アンゼン</t>
    </rPh>
    <rPh sb="22" eb="24">
      <t>タジュウ</t>
    </rPh>
    <rPh sb="24" eb="26">
      <t>カダイ</t>
    </rPh>
    <rPh sb="26" eb="28">
      <t>ケンシュウ</t>
    </rPh>
    <rPh sb="28" eb="29">
      <t>ナド</t>
    </rPh>
    <phoneticPr fontId="1"/>
  </si>
  <si>
    <t>・院内他部署・他病棟研修　</t>
    <rPh sb="1" eb="3">
      <t>インナイ</t>
    </rPh>
    <rPh sb="3" eb="6">
      <t>タブショ</t>
    </rPh>
    <rPh sb="7" eb="8">
      <t>タ</t>
    </rPh>
    <rPh sb="8" eb="10">
      <t>ビョウトウ</t>
    </rPh>
    <rPh sb="10" eb="12">
      <t>ケンシュウ</t>
    </rPh>
    <phoneticPr fontId="1"/>
  </si>
  <si>
    <t>・講義動画を利用した集合研修</t>
    <rPh sb="1" eb="3">
      <t>コウギ</t>
    </rPh>
    <rPh sb="3" eb="5">
      <t>ドウガ</t>
    </rPh>
    <rPh sb="6" eb="8">
      <t>リヨウ</t>
    </rPh>
    <rPh sb="10" eb="12">
      <t>シュウゴウ</t>
    </rPh>
    <rPh sb="12" eb="14">
      <t>ケンシュウ</t>
    </rPh>
    <phoneticPr fontId="1"/>
  </si>
  <si>
    <t>・院外交流</t>
    <rPh sb="1" eb="3">
      <t>インガイ</t>
    </rPh>
    <rPh sb="3" eb="5">
      <t>コウリュウ</t>
    </rPh>
    <phoneticPr fontId="1"/>
  </si>
  <si>
    <t>・すぐに退職したため</t>
    <phoneticPr fontId="1"/>
  </si>
  <si>
    <t>-</t>
    <phoneticPr fontId="1"/>
  </si>
  <si>
    <t>*(2)-2と(2)-3の回答人数が違う事業所があるため合計人数が一致しない</t>
    <rPh sb="13" eb="15">
      <t>カイトウ</t>
    </rPh>
    <rPh sb="15" eb="17">
      <t>ニンズウ</t>
    </rPh>
    <rPh sb="18" eb="19">
      <t>チガ</t>
    </rPh>
    <rPh sb="20" eb="23">
      <t>ジギョウショ</t>
    </rPh>
    <rPh sb="28" eb="30">
      <t>ゴウケイ</t>
    </rPh>
    <rPh sb="30" eb="32">
      <t>ニンズウ</t>
    </rPh>
    <rPh sb="33" eb="35">
      <t>イッチ</t>
    </rPh>
    <phoneticPr fontId="1"/>
  </si>
  <si>
    <t>-</t>
  </si>
  <si>
    <r>
      <t>　</t>
    </r>
    <r>
      <rPr>
        <b/>
        <sz val="12"/>
        <rFont val="ＭＳ Ｐ明朝"/>
        <family val="1"/>
        <charset val="128"/>
      </rPr>
      <t>*</t>
    </r>
    <r>
      <rPr>
        <sz val="12"/>
        <rFont val="ＭＳ Ｐ明朝"/>
        <family val="1"/>
        <charset val="128"/>
      </rPr>
      <t>その他・不明を除く</t>
    </r>
    <rPh sb="4" eb="5">
      <t>ホカ</t>
    </rPh>
    <rPh sb="6" eb="8">
      <t>フメイ</t>
    </rPh>
    <rPh sb="9" eb="10">
      <t>ノゾ</t>
    </rPh>
    <phoneticPr fontId="1"/>
  </si>
  <si>
    <t>３．経験者　採用状況（定年後採用）</t>
    <rPh sb="2" eb="5">
      <t>ケイケンシャ</t>
    </rPh>
    <rPh sb="6" eb="8">
      <t>サイヨウ</t>
    </rPh>
    <rPh sb="8" eb="10">
      <t>ジョウキョウ</t>
    </rPh>
    <rPh sb="11" eb="14">
      <t>テイネンゴ</t>
    </rPh>
    <rPh sb="14" eb="16">
      <t>サイヨウ</t>
    </rPh>
    <phoneticPr fontId="1"/>
  </si>
  <si>
    <t>※複数回答可、総回答数303</t>
    <rPh sb="1" eb="3">
      <t>フクスウ</t>
    </rPh>
    <rPh sb="3" eb="5">
      <t>カイトウ</t>
    </rPh>
    <rPh sb="5" eb="6">
      <t>カ</t>
    </rPh>
    <rPh sb="7" eb="8">
      <t>ソウ</t>
    </rPh>
    <rPh sb="8" eb="10">
      <t>カイトウ</t>
    </rPh>
    <rPh sb="10" eb="11">
      <t>スウ</t>
    </rPh>
    <phoneticPr fontId="1"/>
  </si>
  <si>
    <t>看護職</t>
    <rPh sb="0" eb="3">
      <t>カンゴショク</t>
    </rPh>
    <phoneticPr fontId="2"/>
  </si>
  <si>
    <t>家族の
健康・介護</t>
    <rPh sb="0" eb="2">
      <t>カゾク</t>
    </rPh>
    <rPh sb="4" eb="6">
      <t>ケンコウ</t>
    </rPh>
    <rPh sb="7" eb="9">
      <t>カイゴ</t>
    </rPh>
    <phoneticPr fontId="2"/>
  </si>
  <si>
    <t>　新卒新採用者の退職理由で最も多いのは　本人の心身不調（身体＋メンタル）（35.2％）</t>
    <rPh sb="1" eb="3">
      <t>シンソツ</t>
    </rPh>
    <rPh sb="3" eb="7">
      <t>シンサイヨウシャ</t>
    </rPh>
    <rPh sb="8" eb="10">
      <t>タイショク</t>
    </rPh>
    <rPh sb="10" eb="12">
      <t>リユウ</t>
    </rPh>
    <rPh sb="13" eb="14">
      <t>モット</t>
    </rPh>
    <rPh sb="15" eb="16">
      <t>オオ</t>
    </rPh>
    <rPh sb="20" eb="22">
      <t>ホンニン</t>
    </rPh>
    <rPh sb="23" eb="25">
      <t>シンシン</t>
    </rPh>
    <rPh sb="25" eb="27">
      <t>フチョウ</t>
    </rPh>
    <rPh sb="28" eb="30">
      <t>シンタイ</t>
    </rPh>
    <phoneticPr fontId="1"/>
  </si>
  <si>
    <r>
      <t>・退職理由</t>
    </r>
    <r>
      <rPr>
        <b/>
        <sz val="12"/>
        <rFont val="ＭＳ Ｐ明朝"/>
        <family val="1"/>
        <charset val="128"/>
      </rPr>
      <t>*</t>
    </r>
    <r>
      <rPr>
        <sz val="14"/>
        <rFont val="ＭＳ Ｐ明朝"/>
        <family val="1"/>
        <charset val="128"/>
      </rPr>
      <t>は、多い順に　本人の心身不調（身体＋メンタル）（13.5％）、転居（9.6％）、妊娠出産子育て（5.0％）</t>
    </r>
    <rPh sb="1" eb="3">
      <t>タイショク</t>
    </rPh>
    <rPh sb="3" eb="5">
      <t>リユウ</t>
    </rPh>
    <rPh sb="8" eb="9">
      <t>オオ</t>
    </rPh>
    <rPh sb="10" eb="11">
      <t>ジュン</t>
    </rPh>
    <rPh sb="13" eb="15">
      <t>ホンニン</t>
    </rPh>
    <rPh sb="16" eb="18">
      <t>シンシン</t>
    </rPh>
    <rPh sb="18" eb="20">
      <t>フチョウ</t>
    </rPh>
    <rPh sb="21" eb="23">
      <t>シンタイ</t>
    </rPh>
    <rPh sb="37" eb="39">
      <t>テンキョ</t>
    </rPh>
    <rPh sb="46" eb="48">
      <t>ニンシン</t>
    </rPh>
    <rPh sb="48" eb="50">
      <t>シュッサン</t>
    </rPh>
    <rPh sb="50" eb="52">
      <t>コソダ</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0%"/>
    <numFmt numFmtId="177" formatCode="#,##0.0;[Red]\-#,##0.0"/>
    <numFmt numFmtId="178" formatCode="#,##0_);[Red]\(#,##0\)"/>
    <numFmt numFmtId="179" formatCode="0_);[Red]\(0\)"/>
  </numFmts>
  <fonts count="20" x14ac:knownFonts="1">
    <font>
      <sz val="12"/>
      <color theme="1"/>
      <name val="ＭＳ 明朝"/>
      <family val="2"/>
      <charset val="128"/>
    </font>
    <font>
      <sz val="6"/>
      <name val="ＭＳ 明朝"/>
      <family val="2"/>
      <charset val="128"/>
    </font>
    <font>
      <sz val="6"/>
      <name val="ＭＳ Ｐゴシック"/>
      <family val="3"/>
      <charset val="128"/>
    </font>
    <font>
      <sz val="11"/>
      <name val="ＭＳ Ｐゴシック"/>
      <family val="3"/>
      <charset val="128"/>
    </font>
    <font>
      <sz val="12"/>
      <color theme="1"/>
      <name val="ＭＳ 明朝"/>
      <family val="2"/>
      <charset val="128"/>
    </font>
    <font>
      <sz val="12"/>
      <name val="ＭＳ Ｐゴシック"/>
      <family val="3"/>
      <charset val="128"/>
      <scheme val="minor"/>
    </font>
    <font>
      <b/>
      <sz val="12"/>
      <color theme="1"/>
      <name val="ＭＳ 明朝"/>
      <family val="2"/>
      <charset val="128"/>
    </font>
    <font>
      <sz val="9"/>
      <name val="ＭＳ Ｐゴシック"/>
      <family val="3"/>
      <charset val="128"/>
      <scheme val="minor"/>
    </font>
    <font>
      <b/>
      <sz val="12"/>
      <name val="ＭＳ Ｐ明朝"/>
      <family val="1"/>
      <charset val="128"/>
    </font>
    <font>
      <sz val="12"/>
      <name val="ＭＳ Ｐ明朝"/>
      <family val="1"/>
      <charset val="128"/>
    </font>
    <font>
      <sz val="12"/>
      <color theme="1"/>
      <name val="ＭＳ Ｐ明朝"/>
      <family val="1"/>
      <charset val="128"/>
    </font>
    <font>
      <b/>
      <sz val="12"/>
      <color rgb="FFFF0000"/>
      <name val="ＭＳ Ｐ明朝"/>
      <family val="1"/>
      <charset val="128"/>
    </font>
    <font>
      <sz val="10"/>
      <name val="ＭＳ Ｐ明朝"/>
      <family val="1"/>
      <charset val="128"/>
    </font>
    <font>
      <sz val="6"/>
      <name val="ＭＳ 明朝"/>
      <family val="1"/>
      <charset val="128"/>
    </font>
    <font>
      <b/>
      <sz val="14"/>
      <name val="ＭＳ Ｐ明朝"/>
      <family val="1"/>
      <charset val="128"/>
    </font>
    <font>
      <sz val="9"/>
      <name val="ＭＳ Ｐ明朝"/>
      <family val="1"/>
      <charset val="128"/>
    </font>
    <font>
      <sz val="8"/>
      <name val="ＭＳ Ｐ明朝"/>
      <family val="1"/>
      <charset val="128"/>
    </font>
    <font>
      <sz val="11"/>
      <name val="ＭＳ Ｐ明朝"/>
      <family val="1"/>
      <charset val="128"/>
    </font>
    <font>
      <b/>
      <sz val="20"/>
      <name val="ＭＳ Ｐ明朝"/>
      <family val="1"/>
      <charset val="128"/>
    </font>
    <font>
      <sz val="14"/>
      <name val="ＭＳ Ｐ明朝"/>
      <family val="1"/>
      <charset val="128"/>
    </font>
  </fonts>
  <fills count="3">
    <fill>
      <patternFill patternType="none"/>
    </fill>
    <fill>
      <patternFill patternType="gray125"/>
    </fill>
    <fill>
      <patternFill patternType="solid">
        <fgColor theme="4" tint="0.59996337778862885"/>
        <bgColor indexed="64"/>
      </patternFill>
    </fill>
  </fills>
  <borders count="141">
    <border>
      <left/>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medium">
        <color indexed="64"/>
      </left>
      <right style="medium">
        <color indexed="64"/>
      </right>
      <top style="medium">
        <color indexed="64"/>
      </top>
      <bottom style="double">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auto="1"/>
      </bottom>
      <diagonal/>
    </border>
    <border>
      <left style="medium">
        <color indexed="64"/>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auto="1"/>
      </bottom>
      <diagonal/>
    </border>
    <border>
      <left style="medium">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double">
        <color indexed="64"/>
      </bottom>
      <diagonal/>
    </border>
    <border>
      <left style="thin">
        <color indexed="64"/>
      </left>
      <right style="medium">
        <color indexed="64"/>
      </right>
      <top style="thin">
        <color indexed="64"/>
      </top>
      <bottom style="double">
        <color indexed="64"/>
      </bottom>
      <diagonal/>
    </border>
    <border>
      <left style="medium">
        <color indexed="64"/>
      </left>
      <right style="medium">
        <color indexed="64"/>
      </right>
      <top style="thin">
        <color indexed="64"/>
      </top>
      <bottom style="double">
        <color indexed="64"/>
      </bottom>
      <diagonal/>
    </border>
    <border>
      <left style="medium">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style="medium">
        <color indexed="64"/>
      </right>
      <top/>
      <bottom style="medium">
        <color indexed="64"/>
      </bottom>
      <diagonal/>
    </border>
    <border>
      <left style="medium">
        <color indexed="64"/>
      </left>
      <right style="medium">
        <color indexed="64"/>
      </right>
      <top style="double">
        <color indexed="64"/>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style="medium">
        <color indexed="64"/>
      </right>
      <top style="double">
        <color indexed="64"/>
      </top>
      <bottom style="thin">
        <color auto="1"/>
      </bottom>
      <diagonal/>
    </border>
    <border>
      <left style="medium">
        <color indexed="64"/>
      </left>
      <right style="thin">
        <color indexed="64"/>
      </right>
      <top style="double">
        <color indexed="64"/>
      </top>
      <bottom style="medium">
        <color indexed="64"/>
      </bottom>
      <diagonal/>
    </border>
    <border>
      <left/>
      <right style="thin">
        <color indexed="64"/>
      </right>
      <top style="double">
        <color indexed="64"/>
      </top>
      <bottom style="medium">
        <color indexed="64"/>
      </bottom>
      <diagonal/>
    </border>
    <border>
      <left style="thin">
        <color indexed="64"/>
      </left>
      <right style="thin">
        <color indexed="64"/>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style="thin">
        <color theme="4"/>
      </left>
      <right style="thin">
        <color theme="4"/>
      </right>
      <top style="thin">
        <color theme="4"/>
      </top>
      <bottom style="double">
        <color theme="4"/>
      </bottom>
      <diagonal/>
    </border>
    <border>
      <left style="thin">
        <color indexed="64"/>
      </left>
      <right style="thin">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double">
        <color indexed="64"/>
      </top>
      <bottom style="thin">
        <color indexed="64"/>
      </bottom>
      <diagonal/>
    </border>
    <border>
      <left/>
      <right style="thin">
        <color indexed="64"/>
      </right>
      <top style="thin">
        <color indexed="64"/>
      </top>
      <bottom style="double">
        <color indexed="64"/>
      </bottom>
      <diagonal/>
    </border>
    <border>
      <left/>
      <right style="thin">
        <color indexed="64"/>
      </right>
      <top/>
      <bottom style="medium">
        <color indexed="64"/>
      </bottom>
      <diagonal/>
    </border>
    <border>
      <left/>
      <right/>
      <top/>
      <bottom style="thin">
        <color indexed="64"/>
      </bottom>
      <diagonal/>
    </border>
    <border>
      <left/>
      <right/>
      <top style="thin">
        <color indexed="64"/>
      </top>
      <bottom/>
      <diagonal/>
    </border>
    <border>
      <left style="thin">
        <color indexed="64"/>
      </left>
      <right style="thin">
        <color indexed="64"/>
      </right>
      <top style="double">
        <color indexed="64"/>
      </top>
      <bottom style="thin">
        <color indexed="64"/>
      </bottom>
      <diagonal/>
    </border>
    <border>
      <left style="medium">
        <color indexed="64"/>
      </left>
      <right/>
      <top style="medium">
        <color indexed="64"/>
      </top>
      <bottom style="double">
        <color indexed="64"/>
      </bottom>
      <diagonal/>
    </border>
    <border>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top style="medium">
        <color indexed="64"/>
      </top>
      <bottom style="double">
        <color indexed="64"/>
      </bottom>
      <diagonal/>
    </border>
    <border>
      <left style="medium">
        <color indexed="64"/>
      </left>
      <right/>
      <top/>
      <bottom style="thin">
        <color indexed="64"/>
      </bottom>
      <diagonal/>
    </border>
    <border>
      <left style="medium">
        <color indexed="64"/>
      </left>
      <right/>
      <top style="thin">
        <color indexed="64"/>
      </top>
      <bottom style="thin">
        <color indexed="64"/>
      </bottom>
      <diagonal/>
    </border>
    <border>
      <left style="medium">
        <color indexed="64"/>
      </left>
      <right/>
      <top style="thin">
        <color indexed="64"/>
      </top>
      <bottom style="double">
        <color indexed="64"/>
      </bottom>
      <diagonal/>
    </border>
    <border>
      <left style="thin">
        <color indexed="64"/>
      </left>
      <right style="medium">
        <color indexed="64"/>
      </right>
      <top style="thin">
        <color indexed="64"/>
      </top>
      <bottom/>
      <diagonal/>
    </border>
    <border>
      <left style="thin">
        <color indexed="64"/>
      </left>
      <right/>
      <top style="thin">
        <color indexed="64"/>
      </top>
      <bottom style="double">
        <color indexed="64"/>
      </bottom>
      <diagonal/>
    </border>
    <border>
      <left style="medium">
        <color indexed="64"/>
      </left>
      <right/>
      <top/>
      <bottom style="medium">
        <color indexed="64"/>
      </bottom>
      <diagonal/>
    </border>
    <border>
      <left/>
      <right/>
      <top style="medium">
        <color indexed="64"/>
      </top>
      <bottom style="double">
        <color indexed="64"/>
      </bottom>
      <diagonal/>
    </border>
    <border>
      <left style="thin">
        <color indexed="64"/>
      </left>
      <right style="double">
        <color indexed="64"/>
      </right>
      <top style="medium">
        <color indexed="64"/>
      </top>
      <bottom style="double">
        <color indexed="64"/>
      </bottom>
      <diagonal/>
    </border>
    <border>
      <left/>
      <right style="medium">
        <color indexed="64"/>
      </right>
      <top style="medium">
        <color indexed="64"/>
      </top>
      <bottom style="double">
        <color indexed="64"/>
      </bottom>
      <diagonal/>
    </border>
    <border>
      <left style="thin">
        <color indexed="64"/>
      </left>
      <right style="double">
        <color indexed="64"/>
      </right>
      <top style="double">
        <color indexed="64"/>
      </top>
      <bottom style="thin">
        <color indexed="64"/>
      </bottom>
      <diagonal/>
    </border>
    <border>
      <left/>
      <right style="medium">
        <color indexed="64"/>
      </right>
      <top/>
      <bottom style="thin">
        <color indexed="64"/>
      </bottom>
      <diagonal/>
    </border>
    <border>
      <left style="thin">
        <color indexed="64"/>
      </left>
      <right style="double">
        <color indexed="64"/>
      </right>
      <top/>
      <bottom style="thin">
        <color indexed="64"/>
      </bottom>
      <diagonal/>
    </border>
    <border>
      <left style="thin">
        <color indexed="64"/>
      </left>
      <right style="double">
        <color indexed="64"/>
      </right>
      <top style="thin">
        <color indexed="64"/>
      </top>
      <bottom style="thin">
        <color indexed="64"/>
      </bottom>
      <diagonal/>
    </border>
    <border>
      <left/>
      <right style="medium">
        <color indexed="64"/>
      </right>
      <top style="thin">
        <color indexed="64"/>
      </top>
      <bottom style="thin">
        <color auto="1"/>
      </bottom>
      <diagonal/>
    </border>
    <border>
      <left style="thin">
        <color indexed="64"/>
      </left>
      <right style="double">
        <color indexed="64"/>
      </right>
      <top style="thin">
        <color indexed="64"/>
      </top>
      <bottom style="double">
        <color indexed="64"/>
      </bottom>
      <diagonal/>
    </border>
    <border>
      <left/>
      <right style="medium">
        <color indexed="64"/>
      </right>
      <top style="thin">
        <color indexed="64"/>
      </top>
      <bottom style="double">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top style="double">
        <color indexed="64"/>
      </top>
      <bottom style="medium">
        <color indexed="64"/>
      </bottom>
      <diagonal/>
    </border>
    <border>
      <left style="medium">
        <color indexed="64"/>
      </left>
      <right/>
      <top/>
      <bottom/>
      <diagonal/>
    </border>
    <border>
      <left style="thin">
        <color indexed="64"/>
      </left>
      <right style="medium">
        <color indexed="64"/>
      </right>
      <top style="double">
        <color indexed="64"/>
      </top>
      <bottom/>
      <diagonal/>
    </border>
    <border>
      <left/>
      <right style="thin">
        <color indexed="64"/>
      </right>
      <top style="double">
        <color indexed="64"/>
      </top>
      <bottom/>
      <diagonal/>
    </border>
    <border>
      <left style="medium">
        <color indexed="64"/>
      </left>
      <right/>
      <top style="double">
        <color indexed="64"/>
      </top>
      <bottom style="medium">
        <color indexed="64"/>
      </bottom>
      <diagonal/>
    </border>
    <border>
      <left/>
      <right style="medium">
        <color indexed="64"/>
      </right>
      <top style="double">
        <color indexed="64"/>
      </top>
      <bottom style="medium">
        <color indexed="64"/>
      </bottom>
      <diagonal/>
    </border>
    <border>
      <left style="medium">
        <color indexed="64"/>
      </left>
      <right/>
      <top style="double">
        <color indexed="64"/>
      </top>
      <bottom style="thin">
        <color indexed="64"/>
      </bottom>
      <diagonal/>
    </border>
    <border>
      <left/>
      <right/>
      <top style="thin">
        <color indexed="64"/>
      </top>
      <bottom style="double">
        <color indexed="64"/>
      </bottom>
      <diagonal/>
    </border>
    <border>
      <left/>
      <right/>
      <top style="double">
        <color indexed="64"/>
      </top>
      <bottom style="medium">
        <color indexed="64"/>
      </bottom>
      <diagonal/>
    </border>
    <border>
      <left style="medium">
        <color indexed="64"/>
      </left>
      <right/>
      <top style="thin">
        <color indexed="64"/>
      </top>
      <bottom/>
      <diagonal/>
    </border>
    <border>
      <left/>
      <right/>
      <top style="thin">
        <color indexed="64"/>
      </top>
      <bottom style="thin">
        <color indexed="64"/>
      </bottom>
      <diagonal/>
    </border>
    <border>
      <left/>
      <right/>
      <top style="double">
        <color indexed="64"/>
      </top>
      <bottom/>
      <diagonal/>
    </border>
    <border>
      <left style="medium">
        <color indexed="64"/>
      </left>
      <right/>
      <top style="double">
        <color indexed="64"/>
      </top>
      <bottom/>
      <diagonal/>
    </border>
    <border>
      <left style="thin">
        <color auto="1"/>
      </left>
      <right style="thin">
        <color auto="1"/>
      </right>
      <top style="thin">
        <color auto="1"/>
      </top>
      <bottom style="medium">
        <color auto="1"/>
      </bottom>
      <diagonal/>
    </border>
    <border>
      <left/>
      <right style="medium">
        <color indexed="64"/>
      </right>
      <top style="thin">
        <color indexed="64"/>
      </top>
      <bottom/>
      <diagonal/>
    </border>
    <border>
      <left style="double">
        <color indexed="64"/>
      </left>
      <right style="medium">
        <color indexed="64"/>
      </right>
      <top style="medium">
        <color indexed="64"/>
      </top>
      <bottom style="double">
        <color indexed="64"/>
      </bottom>
      <diagonal/>
    </border>
    <border>
      <left style="double">
        <color indexed="64"/>
      </left>
      <right style="medium">
        <color indexed="64"/>
      </right>
      <top/>
      <bottom style="thin">
        <color auto="1"/>
      </bottom>
      <diagonal/>
    </border>
    <border>
      <left style="double">
        <color indexed="64"/>
      </left>
      <right style="medium">
        <color indexed="64"/>
      </right>
      <top style="thin">
        <color indexed="64"/>
      </top>
      <bottom style="thin">
        <color auto="1"/>
      </bottom>
      <diagonal/>
    </border>
    <border>
      <left style="double">
        <color indexed="64"/>
      </left>
      <right style="medium">
        <color indexed="64"/>
      </right>
      <top style="double">
        <color indexed="64"/>
      </top>
      <bottom style="double">
        <color indexed="64"/>
      </bottom>
      <diagonal/>
    </border>
    <border>
      <left style="double">
        <color indexed="64"/>
      </left>
      <right style="medium">
        <color indexed="64"/>
      </right>
      <top style="double">
        <color indexed="64"/>
      </top>
      <bottom style="medium">
        <color indexed="64"/>
      </bottom>
      <diagonal/>
    </border>
    <border>
      <left style="double">
        <color indexed="64"/>
      </left>
      <right style="medium">
        <color indexed="64"/>
      </right>
      <top style="double">
        <color indexed="64"/>
      </top>
      <bottom/>
      <diagonal/>
    </border>
    <border>
      <left style="double">
        <color indexed="64"/>
      </left>
      <right style="medium">
        <color indexed="64"/>
      </right>
      <top style="thin">
        <color indexed="64"/>
      </top>
      <bottom style="double">
        <color indexed="64"/>
      </bottom>
      <diagonal/>
    </border>
    <border>
      <left style="medium">
        <color auto="1"/>
      </left>
      <right style="thin">
        <color auto="1"/>
      </right>
      <top style="thin">
        <color auto="1"/>
      </top>
      <bottom/>
      <diagonal/>
    </border>
    <border>
      <left style="medium">
        <color indexed="64"/>
      </left>
      <right style="thin">
        <color indexed="64"/>
      </right>
      <top/>
      <bottom style="double">
        <color indexed="64"/>
      </bottom>
      <diagonal/>
    </border>
    <border>
      <left/>
      <right style="medium">
        <color indexed="64"/>
      </right>
      <top style="double">
        <color indexed="64"/>
      </top>
      <bottom/>
      <diagonal/>
    </border>
    <border>
      <left/>
      <right style="medium">
        <color indexed="64"/>
      </right>
      <top/>
      <bottom/>
      <diagonal/>
    </border>
    <border>
      <left style="thin">
        <color indexed="64"/>
      </left>
      <right style="thin">
        <color indexed="64"/>
      </right>
      <top/>
      <bottom style="medium">
        <color indexed="64"/>
      </bottom>
      <diagonal/>
    </border>
    <border>
      <left style="thin">
        <color indexed="64"/>
      </left>
      <right/>
      <top style="medium">
        <color indexed="64"/>
      </top>
      <bottom style="medium">
        <color indexed="64"/>
      </bottom>
      <diagonal/>
    </border>
    <border>
      <left/>
      <right/>
      <top style="medium">
        <color auto="1"/>
      </top>
      <bottom/>
      <diagonal/>
    </border>
    <border>
      <left/>
      <right style="medium">
        <color indexed="64"/>
      </right>
      <top/>
      <bottom style="medium">
        <color indexed="64"/>
      </bottom>
      <diagonal/>
    </border>
    <border diagonalUp="1">
      <left style="thin">
        <color indexed="64"/>
      </left>
      <right style="medium">
        <color indexed="64"/>
      </right>
      <top style="double">
        <color indexed="64"/>
      </top>
      <bottom style="medium">
        <color indexed="64"/>
      </bottom>
      <diagonal style="thin">
        <color indexed="64"/>
      </diagonal>
    </border>
    <border>
      <left style="medium">
        <color indexed="64"/>
      </left>
      <right style="medium">
        <color indexed="64"/>
      </right>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style="double">
        <color indexed="64"/>
      </bottom>
      <diagonal/>
    </border>
    <border>
      <left/>
      <right style="medium">
        <color indexed="64"/>
      </right>
      <top/>
      <bottom style="double">
        <color indexed="64"/>
      </bottom>
      <diagonal/>
    </border>
    <border>
      <left style="thin">
        <color indexed="64"/>
      </left>
      <right style="thin">
        <color indexed="64"/>
      </right>
      <top/>
      <bottom style="double">
        <color indexed="64"/>
      </bottom>
      <diagonal/>
    </border>
    <border>
      <left style="thin">
        <color indexed="64"/>
      </left>
      <right/>
      <top style="medium">
        <color indexed="64"/>
      </top>
      <bottom/>
      <diagonal/>
    </border>
    <border>
      <left style="thin">
        <color indexed="64"/>
      </left>
      <right/>
      <top/>
      <bottom style="double">
        <color indexed="64"/>
      </bottom>
      <diagonal/>
    </border>
    <border>
      <left style="thin">
        <color indexed="64"/>
      </left>
      <right style="thin">
        <color indexed="64"/>
      </right>
      <top style="medium">
        <color indexed="64"/>
      </top>
      <bottom/>
      <diagonal/>
    </border>
    <border>
      <left style="thin">
        <color indexed="64"/>
      </left>
      <right style="double">
        <color indexed="64"/>
      </right>
      <top/>
      <bottom style="double">
        <color indexed="64"/>
      </bottom>
      <diagonal/>
    </border>
    <border>
      <left style="thin">
        <color indexed="64"/>
      </left>
      <right style="double">
        <color indexed="64"/>
      </right>
      <top/>
      <bottom style="medium">
        <color indexed="64"/>
      </bottom>
      <diagonal/>
    </border>
    <border>
      <left style="double">
        <color indexed="64"/>
      </left>
      <right style="medium">
        <color indexed="64"/>
      </right>
      <top/>
      <bottom style="double">
        <color indexed="64"/>
      </bottom>
      <diagonal/>
    </border>
    <border>
      <left/>
      <right style="double">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top/>
      <bottom style="double">
        <color indexed="64"/>
      </bottom>
      <diagonal/>
    </border>
    <border>
      <left style="thin">
        <color indexed="64"/>
      </left>
      <right/>
      <top/>
      <bottom style="medium">
        <color indexed="64"/>
      </bottom>
      <diagonal/>
    </border>
    <border>
      <left/>
      <right style="thin">
        <color indexed="64"/>
      </right>
      <top/>
      <bottom style="double">
        <color indexed="64"/>
      </bottom>
      <diagonal/>
    </border>
    <border>
      <left style="thin">
        <color indexed="64"/>
      </left>
      <right style="medium">
        <color indexed="64"/>
      </right>
      <top style="thin">
        <color indexed="64"/>
      </top>
      <bottom style="medium">
        <color indexed="64"/>
      </bottom>
      <diagonal/>
    </border>
    <border>
      <left/>
      <right/>
      <top/>
      <bottom style="medium">
        <color indexed="64"/>
      </bottom>
      <diagonal/>
    </border>
    <border>
      <left style="double">
        <color indexed="64"/>
      </left>
      <right style="medium">
        <color indexed="64"/>
      </right>
      <top style="thin">
        <color indexed="64"/>
      </top>
      <bottom/>
      <diagonal/>
    </border>
    <border>
      <left style="thin">
        <color indexed="64"/>
      </left>
      <right style="double">
        <color indexed="64"/>
      </right>
      <top style="thin">
        <color indexed="64"/>
      </top>
      <bottom style="medium">
        <color indexed="64"/>
      </bottom>
      <diagonal/>
    </border>
    <border>
      <left style="medium">
        <color indexed="64"/>
      </left>
      <right style="thin">
        <color indexed="64"/>
      </right>
      <top style="double">
        <color indexed="64"/>
      </top>
      <bottom/>
      <diagonal/>
    </border>
    <border>
      <left style="medium">
        <color indexed="64"/>
      </left>
      <right style="medium">
        <color indexed="64"/>
      </right>
      <top style="thin">
        <color indexed="64"/>
      </top>
      <bottom/>
      <diagonal/>
    </border>
    <border>
      <left style="thin">
        <color indexed="64"/>
      </left>
      <right style="medium">
        <color indexed="64"/>
      </right>
      <top style="medium">
        <color indexed="64"/>
      </top>
      <bottom/>
      <diagonal/>
    </border>
    <border>
      <left style="thin">
        <color indexed="64"/>
      </left>
      <right style="medium">
        <color indexed="64"/>
      </right>
      <top/>
      <bottom style="double">
        <color indexed="64"/>
      </bottom>
      <diagonal/>
    </border>
    <border>
      <left style="double">
        <color indexed="64"/>
      </left>
      <right style="medium">
        <color indexed="64"/>
      </right>
      <top style="medium">
        <color indexed="64"/>
      </top>
      <bottom style="thin">
        <color indexed="64"/>
      </bottom>
      <diagonal/>
    </border>
    <border>
      <left style="double">
        <color indexed="64"/>
      </left>
      <right style="medium">
        <color indexed="64"/>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double">
        <color indexed="64"/>
      </left>
      <right/>
      <top style="medium">
        <color indexed="64"/>
      </top>
      <bottom/>
      <diagonal/>
    </border>
    <border>
      <left style="double">
        <color indexed="64"/>
      </left>
      <right/>
      <top/>
      <bottom style="double">
        <color indexed="64"/>
      </bottom>
      <diagonal/>
    </border>
    <border>
      <left style="double">
        <color indexed="64"/>
      </left>
      <right/>
      <top/>
      <bottom style="thin">
        <color auto="1"/>
      </bottom>
      <diagonal/>
    </border>
    <border>
      <left style="double">
        <color indexed="64"/>
      </left>
      <right/>
      <top style="thin">
        <color indexed="64"/>
      </top>
      <bottom style="double">
        <color indexed="64"/>
      </bottom>
      <diagonal/>
    </border>
    <border>
      <left style="double">
        <color indexed="64"/>
      </left>
      <right/>
      <top style="double">
        <color indexed="64"/>
      </top>
      <bottom style="medium">
        <color indexed="64"/>
      </bottom>
      <diagonal/>
    </border>
    <border>
      <left style="thin">
        <color indexed="64"/>
      </left>
      <right style="medium">
        <color indexed="64"/>
      </right>
      <top/>
      <bottom/>
      <diagonal/>
    </border>
    <border>
      <left/>
      <right style="thin">
        <color indexed="64"/>
      </right>
      <top style="double">
        <color indexed="64"/>
      </top>
      <bottom style="thin">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double">
        <color indexed="64"/>
      </right>
      <top style="double">
        <color indexed="64"/>
      </top>
      <bottom style="medium">
        <color indexed="64"/>
      </bottom>
      <diagonal/>
    </border>
    <border>
      <left style="thin">
        <color indexed="64"/>
      </left>
      <right style="double">
        <color indexed="64"/>
      </right>
      <top style="double">
        <color indexed="64"/>
      </top>
      <bottom style="double">
        <color indexed="64"/>
      </bottom>
      <diagonal/>
    </border>
    <border>
      <left/>
      <right style="medium">
        <color indexed="64"/>
      </right>
      <top style="medium">
        <color indexed="64"/>
      </top>
      <bottom style="medium">
        <color indexed="64"/>
      </bottom>
      <diagonal/>
    </border>
  </borders>
  <cellStyleXfs count="10">
    <xf numFmtId="0" fontId="0" fillId="0" borderId="0">
      <alignment vertical="center"/>
    </xf>
    <xf numFmtId="0" fontId="3" fillId="0" borderId="0">
      <alignment vertical="center"/>
    </xf>
    <xf numFmtId="38" fontId="4" fillId="0" borderId="0" applyFont="0" applyFill="0" applyBorder="0" applyAlignment="0" applyProtection="0">
      <alignment vertical="center"/>
    </xf>
    <xf numFmtId="9" fontId="4" fillId="0" borderId="0" applyFont="0" applyFill="0" applyBorder="0" applyAlignment="0" applyProtection="0">
      <alignment vertical="center"/>
    </xf>
    <xf numFmtId="0" fontId="6" fillId="2" borderId="36" applyAlignment="0">
      <alignment vertical="center"/>
    </xf>
    <xf numFmtId="0" fontId="6" fillId="0" borderId="36" applyAlignment="0">
      <alignment vertical="center"/>
    </xf>
    <xf numFmtId="0" fontId="4" fillId="0" borderId="0">
      <alignment vertical="center"/>
    </xf>
    <xf numFmtId="9" fontId="3" fillId="0" borderId="0" applyFont="0" applyFill="0" applyBorder="0" applyAlignment="0" applyProtection="0">
      <alignment vertical="center"/>
    </xf>
    <xf numFmtId="0" fontId="3" fillId="0" borderId="0">
      <alignment vertical="center"/>
    </xf>
    <xf numFmtId="0" fontId="3" fillId="0" borderId="0"/>
  </cellStyleXfs>
  <cellXfs count="701">
    <xf numFmtId="0" fontId="0" fillId="0" borderId="0" xfId="0">
      <alignment vertical="center"/>
    </xf>
    <xf numFmtId="38" fontId="9" fillId="0" borderId="32" xfId="2" applyFont="1" applyFill="1" applyBorder="1">
      <alignment vertical="center"/>
    </xf>
    <xf numFmtId="38" fontId="9" fillId="0" borderId="33" xfId="2" applyFont="1" applyFill="1" applyBorder="1">
      <alignment vertical="center"/>
    </xf>
    <xf numFmtId="38" fontId="9" fillId="0" borderId="34" xfId="2" applyFont="1" applyFill="1" applyBorder="1">
      <alignment vertical="center"/>
    </xf>
    <xf numFmtId="176" fontId="9" fillId="0" borderId="73" xfId="3" applyNumberFormat="1" applyFont="1" applyFill="1" applyBorder="1">
      <alignment vertical="center"/>
    </xf>
    <xf numFmtId="176" fontId="9" fillId="0" borderId="7" xfId="3" applyNumberFormat="1" applyFont="1" applyFill="1" applyBorder="1" applyAlignment="1">
      <alignment horizontal="right" vertical="center"/>
    </xf>
    <xf numFmtId="176" fontId="9" fillId="0" borderId="7" xfId="3" applyNumberFormat="1" applyFont="1" applyFill="1" applyBorder="1" applyAlignment="1">
      <alignment horizontal="right" vertical="center" wrapText="1"/>
    </xf>
    <xf numFmtId="176" fontId="9" fillId="0" borderId="1" xfId="3" applyNumberFormat="1" applyFont="1" applyFill="1" applyBorder="1" applyAlignment="1">
      <alignment horizontal="right" vertical="center" wrapText="1"/>
    </xf>
    <xf numFmtId="176" fontId="9" fillId="0" borderId="4" xfId="3" applyNumberFormat="1" applyFont="1" applyFill="1" applyBorder="1" applyAlignment="1">
      <alignment horizontal="right" vertical="center" wrapText="1"/>
    </xf>
    <xf numFmtId="176" fontId="9" fillId="0" borderId="13" xfId="3" applyNumberFormat="1" applyFont="1" applyFill="1" applyBorder="1" applyAlignment="1">
      <alignment horizontal="right" vertical="center" wrapText="1"/>
    </xf>
    <xf numFmtId="9" fontId="9" fillId="0" borderId="35" xfId="3" applyFont="1" applyFill="1" applyBorder="1">
      <alignment vertical="center"/>
    </xf>
    <xf numFmtId="38" fontId="9" fillId="0" borderId="61" xfId="2" applyFont="1" applyFill="1" applyBorder="1" applyAlignment="1">
      <alignment horizontal="right" vertical="center" wrapText="1"/>
    </xf>
    <xf numFmtId="0" fontId="9" fillId="0" borderId="0" xfId="3" applyNumberFormat="1" applyFont="1" applyFill="1" applyBorder="1" applyAlignment="1">
      <alignment horizontal="right" vertical="center"/>
    </xf>
    <xf numFmtId="0" fontId="9" fillId="0" borderId="0" xfId="3" applyNumberFormat="1" applyFont="1" applyFill="1" applyBorder="1" applyAlignment="1">
      <alignment horizontal="left" vertical="center"/>
    </xf>
    <xf numFmtId="38" fontId="19" fillId="0" borderId="0" xfId="2" applyFont="1" applyFill="1" applyBorder="1">
      <alignment vertical="center"/>
    </xf>
    <xf numFmtId="38" fontId="19" fillId="0" borderId="0" xfId="2" applyFont="1" applyFill="1" applyBorder="1" applyAlignment="1">
      <alignment horizontal="left" vertical="center"/>
    </xf>
    <xf numFmtId="38" fontId="9" fillId="0" borderId="41" xfId="2" applyFont="1" applyFill="1" applyBorder="1">
      <alignment vertical="center"/>
    </xf>
    <xf numFmtId="38" fontId="9" fillId="0" borderId="60" xfId="2" applyFont="1" applyFill="1" applyBorder="1">
      <alignment vertical="center"/>
    </xf>
    <xf numFmtId="38" fontId="9" fillId="0" borderId="61" xfId="2" applyFont="1" applyFill="1" applyBorder="1">
      <alignment vertical="center"/>
    </xf>
    <xf numFmtId="38" fontId="9" fillId="0" borderId="60" xfId="2" applyFont="1" applyFill="1" applyBorder="1" applyAlignment="1">
      <alignment horizontal="right" vertical="center"/>
    </xf>
    <xf numFmtId="38" fontId="9" fillId="0" borderId="61" xfId="2" applyFont="1" applyFill="1" applyBorder="1" applyAlignment="1">
      <alignment horizontal="right" vertical="center"/>
    </xf>
    <xf numFmtId="38" fontId="9" fillId="0" borderId="12" xfId="2" applyFont="1" applyFill="1" applyBorder="1">
      <alignment vertical="center"/>
    </xf>
    <xf numFmtId="38" fontId="9" fillId="0" borderId="62" xfId="2" applyFont="1" applyFill="1" applyBorder="1" applyAlignment="1">
      <alignment horizontal="right" vertical="center"/>
    </xf>
    <xf numFmtId="38" fontId="9" fillId="0" borderId="15" xfId="2" applyFont="1" applyFill="1" applyBorder="1">
      <alignment vertical="center"/>
    </xf>
    <xf numFmtId="38" fontId="9" fillId="0" borderId="63" xfId="2" applyFont="1" applyFill="1" applyBorder="1">
      <alignment vertical="center"/>
    </xf>
    <xf numFmtId="38" fontId="9" fillId="0" borderId="64" xfId="2" applyFont="1" applyFill="1" applyBorder="1">
      <alignment vertical="center"/>
    </xf>
    <xf numFmtId="38" fontId="9" fillId="0" borderId="64" xfId="2" applyFont="1" applyFill="1" applyBorder="1" applyAlignment="1">
      <alignment horizontal="right" vertical="center"/>
    </xf>
    <xf numFmtId="38" fontId="9" fillId="0" borderId="63" xfId="2" applyFont="1" applyFill="1" applyBorder="1" applyAlignment="1">
      <alignment horizontal="right" vertical="center"/>
    </xf>
    <xf numFmtId="38" fontId="9" fillId="0" borderId="18" xfId="2" applyFont="1" applyFill="1" applyBorder="1">
      <alignment vertical="center"/>
    </xf>
    <xf numFmtId="38" fontId="9" fillId="0" borderId="65" xfId="2" applyFont="1" applyFill="1" applyBorder="1">
      <alignment vertical="center"/>
    </xf>
    <xf numFmtId="38" fontId="9" fillId="0" borderId="66" xfId="2" applyFont="1" applyFill="1" applyBorder="1">
      <alignment vertical="center"/>
    </xf>
    <xf numFmtId="38" fontId="9" fillId="0" borderId="66" xfId="2" applyFont="1" applyFill="1" applyBorder="1" applyAlignment="1">
      <alignment horizontal="right" vertical="center"/>
    </xf>
    <xf numFmtId="38" fontId="9" fillId="0" borderId="65" xfId="2" applyFont="1" applyFill="1" applyBorder="1" applyAlignment="1">
      <alignment horizontal="right" vertical="center"/>
    </xf>
    <xf numFmtId="38" fontId="9" fillId="0" borderId="90" xfId="2" applyFont="1" applyFill="1" applyBorder="1">
      <alignment vertical="center"/>
    </xf>
    <xf numFmtId="38" fontId="9" fillId="0" borderId="21" xfId="2" applyFont="1" applyFill="1" applyBorder="1">
      <alignment vertical="center"/>
    </xf>
    <xf numFmtId="38" fontId="9" fillId="0" borderId="110" xfId="2" applyFont="1" applyFill="1" applyBorder="1">
      <alignment vertical="center"/>
    </xf>
    <xf numFmtId="38" fontId="9" fillId="0" borderId="98" xfId="2" applyFont="1" applyFill="1" applyBorder="1">
      <alignment vertical="center"/>
    </xf>
    <xf numFmtId="38" fontId="9" fillId="0" borderId="98" xfId="2" applyFont="1" applyFill="1" applyBorder="1" applyAlignment="1">
      <alignment horizontal="right" vertical="center"/>
    </xf>
    <xf numFmtId="38" fontId="9" fillId="0" borderId="0" xfId="2" applyFont="1" applyFill="1" applyBorder="1">
      <alignment vertical="center"/>
    </xf>
    <xf numFmtId="38" fontId="9" fillId="0" borderId="0" xfId="2" applyFont="1" applyFill="1" applyBorder="1" applyAlignment="1">
      <alignment horizontal="right" vertical="center"/>
    </xf>
    <xf numFmtId="38" fontId="9" fillId="0" borderId="62" xfId="2" applyFont="1" applyFill="1" applyBorder="1">
      <alignment vertical="center"/>
    </xf>
    <xf numFmtId="38" fontId="9" fillId="0" borderId="94" xfId="2" applyFont="1" applyFill="1" applyBorder="1">
      <alignment vertical="center"/>
    </xf>
    <xf numFmtId="38" fontId="9" fillId="0" borderId="88" xfId="2" applyFont="1" applyFill="1" applyBorder="1">
      <alignment vertical="center"/>
    </xf>
    <xf numFmtId="176" fontId="9" fillId="0" borderId="95" xfId="3" applyNumberFormat="1" applyFont="1" applyFill="1" applyBorder="1" applyAlignment="1">
      <alignment horizontal="right" vertical="center"/>
    </xf>
    <xf numFmtId="176" fontId="9" fillId="0" borderId="117" xfId="3" applyNumberFormat="1" applyFont="1" applyFill="1" applyBorder="1" applyAlignment="1">
      <alignment horizontal="right" vertical="center"/>
    </xf>
    <xf numFmtId="176" fontId="9" fillId="0" borderId="0" xfId="3" applyNumberFormat="1" applyFont="1" applyFill="1" applyBorder="1" applyAlignment="1">
      <alignment horizontal="right" vertical="center"/>
    </xf>
    <xf numFmtId="176" fontId="9" fillId="0" borderId="0" xfId="3" applyNumberFormat="1" applyFont="1" applyFill="1" applyBorder="1" applyAlignment="1">
      <alignment horizontal="left" vertical="center"/>
    </xf>
    <xf numFmtId="178" fontId="9" fillId="0" borderId="0" xfId="2" applyNumberFormat="1" applyFont="1" applyFill="1">
      <alignment vertical="center"/>
    </xf>
    <xf numFmtId="178" fontId="9" fillId="0" borderId="0" xfId="2" applyNumberFormat="1" applyFont="1" applyFill="1" applyAlignment="1">
      <alignment horizontal="center" vertical="center"/>
    </xf>
    <xf numFmtId="178" fontId="9" fillId="0" borderId="12" xfId="2" applyNumberFormat="1" applyFont="1" applyFill="1" applyBorder="1" applyAlignment="1">
      <alignment horizontal="center" vertical="center"/>
    </xf>
    <xf numFmtId="178" fontId="9" fillId="0" borderId="15" xfId="2" applyNumberFormat="1" applyFont="1" applyFill="1" applyBorder="1" applyAlignment="1">
      <alignment horizontal="center" vertical="center"/>
    </xf>
    <xf numFmtId="178" fontId="9" fillId="0" borderId="18" xfId="2" applyNumberFormat="1" applyFont="1" applyFill="1" applyBorder="1" applyAlignment="1">
      <alignment horizontal="center" vertical="center"/>
    </xf>
    <xf numFmtId="178" fontId="9" fillId="0" borderId="21" xfId="2" applyNumberFormat="1" applyFont="1" applyFill="1" applyBorder="1" applyAlignment="1">
      <alignment horizontal="center" vertical="center" wrapText="1"/>
    </xf>
    <xf numFmtId="38" fontId="9" fillId="0" borderId="85" xfId="2" applyFont="1" applyFill="1" applyBorder="1">
      <alignment vertical="center"/>
    </xf>
    <xf numFmtId="38" fontId="9" fillId="0" borderId="89" xfId="2" applyFont="1" applyFill="1" applyBorder="1">
      <alignment vertical="center"/>
    </xf>
    <xf numFmtId="176" fontId="9" fillId="0" borderId="77" xfId="3" applyNumberFormat="1" applyFont="1" applyFill="1" applyBorder="1">
      <alignment vertical="center"/>
    </xf>
    <xf numFmtId="176" fontId="9" fillId="0" borderId="34" xfId="3" applyNumberFormat="1" applyFont="1" applyFill="1" applyBorder="1">
      <alignment vertical="center"/>
    </xf>
    <xf numFmtId="9" fontId="9" fillId="0" borderId="88" xfId="3" applyFont="1" applyFill="1" applyBorder="1">
      <alignment vertical="center"/>
    </xf>
    <xf numFmtId="176" fontId="9" fillId="0" borderId="0" xfId="3" applyNumberFormat="1" applyFont="1" applyFill="1" applyBorder="1">
      <alignment vertical="center"/>
    </xf>
    <xf numFmtId="9" fontId="9" fillId="0" borderId="0" xfId="3" applyFont="1" applyFill="1" applyBorder="1">
      <alignment vertical="center"/>
    </xf>
    <xf numFmtId="176" fontId="9" fillId="0" borderId="13" xfId="3" applyNumberFormat="1" applyFont="1" applyFill="1" applyBorder="1">
      <alignment vertical="center"/>
    </xf>
    <xf numFmtId="38" fontId="9" fillId="0" borderId="87" xfId="2" applyFont="1" applyFill="1" applyBorder="1" applyAlignment="1">
      <alignment vertical="center"/>
    </xf>
    <xf numFmtId="38" fontId="9" fillId="0" borderId="0" xfId="2" applyFont="1" applyFill="1" applyBorder="1" applyAlignment="1">
      <alignment vertical="center"/>
    </xf>
    <xf numFmtId="176" fontId="9" fillId="0" borderId="69" xfId="3" applyNumberFormat="1" applyFont="1" applyFill="1" applyBorder="1">
      <alignment vertical="center"/>
    </xf>
    <xf numFmtId="176" fontId="9" fillId="0" borderId="88" xfId="3" applyNumberFormat="1" applyFont="1" applyFill="1" applyBorder="1">
      <alignment vertical="center"/>
    </xf>
    <xf numFmtId="176" fontId="9" fillId="0" borderId="8" xfId="3" applyNumberFormat="1" applyFont="1" applyFill="1" applyBorder="1" applyAlignment="1">
      <alignment horizontal="right" vertical="center"/>
    </xf>
    <xf numFmtId="176" fontId="9" fillId="0" borderId="2" xfId="3" applyNumberFormat="1" applyFont="1" applyFill="1" applyBorder="1" applyAlignment="1">
      <alignment horizontal="right" vertical="center"/>
    </xf>
    <xf numFmtId="176" fontId="9" fillId="0" borderId="3" xfId="3" applyNumberFormat="1" applyFont="1" applyFill="1" applyBorder="1" applyAlignment="1">
      <alignment horizontal="right" vertical="center"/>
    </xf>
    <xf numFmtId="176" fontId="9" fillId="0" borderId="16" xfId="3" applyNumberFormat="1" applyFont="1" applyFill="1" applyBorder="1" applyAlignment="1">
      <alignment horizontal="right" vertical="center"/>
    </xf>
    <xf numFmtId="176" fontId="9" fillId="0" borderId="2" xfId="3" applyNumberFormat="1" applyFont="1" applyFill="1" applyBorder="1" applyAlignment="1">
      <alignment horizontal="right" vertical="center" wrapText="1"/>
    </xf>
    <xf numFmtId="176" fontId="9" fillId="0" borderId="42" xfId="3" applyNumberFormat="1" applyFont="1" applyFill="1" applyBorder="1" applyAlignment="1">
      <alignment horizontal="right" vertical="center"/>
    </xf>
    <xf numFmtId="176" fontId="9" fillId="0" borderId="30" xfId="3" applyNumberFormat="1" applyFont="1" applyFill="1" applyBorder="1" applyAlignment="1">
      <alignment horizontal="right" vertical="center"/>
    </xf>
    <xf numFmtId="176" fontId="9" fillId="0" borderId="55" xfId="3" applyNumberFormat="1" applyFont="1" applyFill="1" applyBorder="1" applyAlignment="1">
      <alignment horizontal="right" vertical="center"/>
    </xf>
    <xf numFmtId="176" fontId="9" fillId="0" borderId="19" xfId="3" applyNumberFormat="1" applyFont="1" applyFill="1" applyBorder="1" applyAlignment="1">
      <alignment horizontal="right" vertical="center"/>
    </xf>
    <xf numFmtId="38" fontId="9" fillId="0" borderId="71" xfId="2" applyFont="1" applyFill="1" applyBorder="1" applyAlignment="1">
      <alignment horizontal="right" vertical="center"/>
    </xf>
    <xf numFmtId="38" fontId="9" fillId="0" borderId="72" xfId="2" applyFont="1" applyFill="1" applyBorder="1" applyAlignment="1">
      <alignment vertical="center"/>
    </xf>
    <xf numFmtId="38" fontId="9" fillId="0" borderId="80" xfId="2" applyFont="1" applyFill="1" applyBorder="1" applyAlignment="1">
      <alignment vertical="center"/>
    </xf>
    <xf numFmtId="176" fontId="9" fillId="0" borderId="14" xfId="3" applyNumberFormat="1" applyFont="1" applyFill="1" applyBorder="1" applyAlignment="1">
      <alignment horizontal="right" vertical="center"/>
    </xf>
    <xf numFmtId="176" fontId="9" fillId="0" borderId="17" xfId="3" applyNumberFormat="1" applyFont="1" applyFill="1" applyBorder="1" applyAlignment="1">
      <alignment horizontal="right" vertical="center"/>
    </xf>
    <xf numFmtId="176" fontId="9" fillId="0" borderId="20" xfId="3" applyNumberFormat="1" applyFont="1" applyFill="1" applyBorder="1" applyAlignment="1">
      <alignment horizontal="right" vertical="center"/>
    </xf>
    <xf numFmtId="176" fontId="9" fillId="0" borderId="43" xfId="3" applyNumberFormat="1" applyFont="1" applyFill="1" applyBorder="1" applyAlignment="1">
      <alignment horizontal="right" vertical="center"/>
    </xf>
    <xf numFmtId="176" fontId="9" fillId="0" borderId="115" xfId="3" applyNumberFormat="1" applyFont="1" applyFill="1" applyBorder="1" applyAlignment="1">
      <alignment horizontal="right" vertical="center"/>
    </xf>
    <xf numFmtId="38" fontId="9" fillId="0" borderId="115" xfId="2" applyFont="1" applyFill="1" applyBorder="1" applyAlignment="1">
      <alignment horizontal="right" vertical="center"/>
    </xf>
    <xf numFmtId="38" fontId="9" fillId="0" borderId="24" xfId="2" applyFont="1" applyFill="1" applyBorder="1" applyAlignment="1">
      <alignment horizontal="right" vertical="center"/>
    </xf>
    <xf numFmtId="176" fontId="9" fillId="0" borderId="24" xfId="3" applyNumberFormat="1" applyFont="1" applyFill="1" applyBorder="1" applyAlignment="1">
      <alignment horizontal="right" vertical="center"/>
    </xf>
    <xf numFmtId="38" fontId="9" fillId="0" borderId="1" xfId="2" applyFont="1" applyFill="1" applyBorder="1">
      <alignment vertical="center"/>
    </xf>
    <xf numFmtId="176" fontId="9" fillId="0" borderId="13" xfId="3" applyNumberFormat="1" applyFont="1" applyFill="1" applyBorder="1" applyAlignment="1">
      <alignment horizontal="right" vertical="center"/>
    </xf>
    <xf numFmtId="38" fontId="9" fillId="0" borderId="30" xfId="2" applyFont="1" applyFill="1" applyBorder="1">
      <alignment vertical="center"/>
    </xf>
    <xf numFmtId="176" fontId="9" fillId="0" borderId="35" xfId="3" applyNumberFormat="1" applyFont="1" applyFill="1" applyBorder="1" applyAlignment="1">
      <alignment horizontal="right" vertical="center"/>
    </xf>
    <xf numFmtId="176" fontId="9" fillId="0" borderId="31" xfId="3" applyNumberFormat="1" applyFont="1" applyFill="1" applyBorder="1" applyAlignment="1">
      <alignment horizontal="right" vertical="center"/>
    </xf>
    <xf numFmtId="176" fontId="9" fillId="0" borderId="83" xfId="3" applyNumberFormat="1" applyFont="1" applyFill="1" applyBorder="1" applyAlignment="1">
      <alignment horizontal="right" vertical="center"/>
    </xf>
    <xf numFmtId="176" fontId="9" fillId="0" borderId="74" xfId="3" applyNumberFormat="1" applyFont="1" applyFill="1" applyBorder="1" applyAlignment="1">
      <alignment horizontal="right" vertical="center"/>
    </xf>
    <xf numFmtId="38" fontId="9" fillId="0" borderId="23" xfId="2" applyFont="1" applyFill="1" applyBorder="1" applyAlignment="1">
      <alignment vertical="center"/>
    </xf>
    <xf numFmtId="176" fontId="9" fillId="0" borderId="4" xfId="3" applyNumberFormat="1" applyFont="1" applyFill="1" applyBorder="1" applyAlignment="1">
      <alignment horizontal="right" vertical="center"/>
    </xf>
    <xf numFmtId="176" fontId="9" fillId="0" borderId="69" xfId="3" applyNumberFormat="1" applyFont="1" applyFill="1" applyBorder="1" applyAlignment="1">
      <alignment horizontal="right" vertical="center"/>
    </xf>
    <xf numFmtId="38" fontId="9" fillId="0" borderId="32" xfId="2" applyFont="1" applyFill="1" applyBorder="1" applyAlignment="1">
      <alignment horizontal="right" vertical="center"/>
    </xf>
    <xf numFmtId="38" fontId="9" fillId="0" borderId="33" xfId="2" applyFont="1" applyFill="1" applyBorder="1" applyAlignment="1">
      <alignment horizontal="right" vertical="center"/>
    </xf>
    <xf numFmtId="177" fontId="9" fillId="0" borderId="34" xfId="2" applyNumberFormat="1" applyFont="1" applyFill="1" applyBorder="1" applyAlignment="1">
      <alignment horizontal="right" vertical="center"/>
    </xf>
    <xf numFmtId="38" fontId="9" fillId="0" borderId="34" xfId="2" applyFont="1" applyFill="1" applyBorder="1" applyAlignment="1">
      <alignment horizontal="right" vertical="center"/>
    </xf>
    <xf numFmtId="178" fontId="9" fillId="0" borderId="95" xfId="2" applyNumberFormat="1" applyFont="1" applyFill="1" applyBorder="1">
      <alignment vertical="center"/>
    </xf>
    <xf numFmtId="178" fontId="9" fillId="0" borderId="115" xfId="2" applyNumberFormat="1" applyFont="1" applyFill="1" applyBorder="1">
      <alignment vertical="center"/>
    </xf>
    <xf numFmtId="179" fontId="9" fillId="0" borderId="34" xfId="2" applyNumberFormat="1" applyFont="1" applyFill="1" applyBorder="1" applyAlignment="1">
      <alignment horizontal="right" vertical="center"/>
    </xf>
    <xf numFmtId="38" fontId="9" fillId="0" borderId="118" xfId="2" applyFont="1" applyFill="1" applyBorder="1" applyAlignment="1">
      <alignment horizontal="right" vertical="center"/>
    </xf>
    <xf numFmtId="38" fontId="9" fillId="0" borderId="44" xfId="2" applyFont="1" applyFill="1" applyBorder="1" applyAlignment="1">
      <alignment horizontal="right" vertical="center"/>
    </xf>
    <xf numFmtId="38" fontId="9" fillId="0" borderId="79" xfId="2" applyFont="1" applyFill="1" applyBorder="1" applyAlignment="1">
      <alignment horizontal="right" vertical="center"/>
    </xf>
    <xf numFmtId="38" fontId="9" fillId="0" borderId="76" xfId="2" applyFont="1" applyFill="1" applyBorder="1" applyAlignment="1">
      <alignment horizontal="right" vertical="center"/>
    </xf>
    <xf numFmtId="176" fontId="9" fillId="0" borderId="34" xfId="3" applyNumberFormat="1" applyFont="1" applyFill="1" applyBorder="1" applyAlignment="1">
      <alignment horizontal="center" vertical="center"/>
    </xf>
    <xf numFmtId="176" fontId="9" fillId="0" borderId="34" xfId="3" applyNumberFormat="1" applyFont="1" applyFill="1" applyBorder="1" applyAlignment="1">
      <alignment horizontal="right" vertical="center"/>
    </xf>
    <xf numFmtId="176" fontId="9" fillId="0" borderId="77" xfId="3" applyNumberFormat="1" applyFont="1" applyFill="1" applyBorder="1" applyAlignment="1">
      <alignment horizontal="right" vertical="center"/>
    </xf>
    <xf numFmtId="9" fontId="9" fillId="0" borderId="88" xfId="3" applyFont="1" applyFill="1" applyBorder="1" applyAlignment="1">
      <alignment horizontal="right" vertical="center"/>
    </xf>
    <xf numFmtId="38" fontId="9" fillId="0" borderId="41" xfId="2" applyFont="1" applyFill="1" applyBorder="1" applyAlignment="1">
      <alignment horizontal="right" vertical="center"/>
    </xf>
    <xf numFmtId="38" fontId="9" fillId="0" borderId="134" xfId="2" applyFont="1" applyFill="1" applyBorder="1" applyAlignment="1">
      <alignment horizontal="right" vertical="center"/>
    </xf>
    <xf numFmtId="38" fontId="9" fillId="0" borderId="15" xfId="2" applyFont="1" applyFill="1" applyBorder="1" applyAlignment="1">
      <alignment horizontal="right" vertical="center"/>
    </xf>
    <xf numFmtId="38" fontId="9" fillId="0" borderId="8" xfId="2" applyFont="1" applyFill="1" applyBorder="1" applyAlignment="1">
      <alignment horizontal="right" vertical="center"/>
    </xf>
    <xf numFmtId="38" fontId="9" fillId="0" borderId="18" xfId="2" applyFont="1" applyFill="1" applyBorder="1" applyAlignment="1">
      <alignment horizontal="right" vertical="center"/>
    </xf>
    <xf numFmtId="38" fontId="9" fillId="0" borderId="42" xfId="2" applyFont="1" applyFill="1" applyBorder="1" applyAlignment="1">
      <alignment horizontal="right" vertical="center"/>
    </xf>
    <xf numFmtId="38" fontId="9" fillId="0" borderId="21" xfId="2" applyFont="1" applyFill="1" applyBorder="1" applyAlignment="1">
      <alignment horizontal="right" vertical="center"/>
    </xf>
    <xf numFmtId="38" fontId="9" fillId="0" borderId="43" xfId="2" applyFont="1" applyFill="1" applyBorder="1" applyAlignment="1">
      <alignment horizontal="right" vertical="center"/>
    </xf>
    <xf numFmtId="38" fontId="9" fillId="0" borderId="12" xfId="2" applyFont="1" applyFill="1" applyBorder="1" applyAlignment="1">
      <alignment horizontal="right" vertical="center"/>
    </xf>
    <xf numFmtId="176" fontId="9" fillId="0" borderId="16" xfId="2" applyNumberFormat="1" applyFont="1" applyFill="1" applyBorder="1" applyAlignment="1">
      <alignment horizontal="right" vertical="center"/>
    </xf>
    <xf numFmtId="176" fontId="9" fillId="0" borderId="19" xfId="2" applyNumberFormat="1" applyFont="1" applyFill="1" applyBorder="1" applyAlignment="1">
      <alignment horizontal="right" vertical="center"/>
    </xf>
    <xf numFmtId="176" fontId="9" fillId="0" borderId="35" xfId="2" applyNumberFormat="1" applyFont="1" applyFill="1" applyBorder="1" applyAlignment="1">
      <alignment horizontal="right" vertical="center"/>
    </xf>
    <xf numFmtId="176" fontId="9" fillId="0" borderId="64" xfId="2" applyNumberFormat="1" applyFont="1" applyFill="1" applyBorder="1" applyAlignment="1">
      <alignment horizontal="right" vertical="center"/>
    </xf>
    <xf numFmtId="176" fontId="9" fillId="0" borderId="98" xfId="2" applyNumberFormat="1" applyFont="1" applyFill="1" applyBorder="1" applyAlignment="1">
      <alignment horizontal="right" vertical="center"/>
    </xf>
    <xf numFmtId="38" fontId="9" fillId="0" borderId="3" xfId="2" applyFont="1" applyFill="1" applyBorder="1" applyAlignment="1">
      <alignment horizontal="right" vertical="center"/>
    </xf>
    <xf numFmtId="38" fontId="9" fillId="0" borderId="55" xfId="2" applyFont="1" applyFill="1" applyBorder="1" applyAlignment="1">
      <alignment horizontal="right" vertical="center"/>
    </xf>
    <xf numFmtId="176" fontId="9" fillId="0" borderId="22" xfId="2" applyNumberFormat="1" applyFont="1" applyFill="1" applyBorder="1" applyAlignment="1">
      <alignment horizontal="right" vertical="center"/>
    </xf>
    <xf numFmtId="176" fontId="9" fillId="0" borderId="66" xfId="3" applyNumberFormat="1" applyFont="1" applyFill="1" applyBorder="1" applyAlignment="1">
      <alignment horizontal="right" vertical="center"/>
    </xf>
    <xf numFmtId="0" fontId="19" fillId="0" borderId="0" xfId="0" applyFont="1" applyFill="1">
      <alignment vertical="center"/>
    </xf>
    <xf numFmtId="14" fontId="9" fillId="0" borderId="0" xfId="0" applyNumberFormat="1" applyFont="1" applyFill="1" applyAlignment="1">
      <alignment horizontal="center" vertical="center"/>
    </xf>
    <xf numFmtId="0" fontId="14" fillId="0" borderId="0" xfId="0" applyFont="1" applyFill="1">
      <alignment vertical="center"/>
    </xf>
    <xf numFmtId="0" fontId="10" fillId="0" borderId="0" xfId="0" applyFont="1" applyFill="1">
      <alignment vertical="center"/>
    </xf>
    <xf numFmtId="0" fontId="14" fillId="0" borderId="0" xfId="0" applyFont="1" applyFill="1" applyAlignment="1">
      <alignment horizontal="right" vertical="center"/>
    </xf>
    <xf numFmtId="0" fontId="14" fillId="0" borderId="0" xfId="0" applyFont="1" applyFill="1" applyAlignment="1">
      <alignment vertical="top"/>
    </xf>
    <xf numFmtId="0" fontId="19" fillId="0" borderId="0" xfId="0" applyFont="1" applyFill="1" applyAlignment="1">
      <alignment horizontal="left" vertical="center"/>
    </xf>
    <xf numFmtId="0" fontId="19" fillId="0" borderId="9" xfId="0" applyFont="1" applyFill="1" applyBorder="1" applyAlignment="1">
      <alignment horizontal="center" vertical="center"/>
    </xf>
    <xf numFmtId="0" fontId="19" fillId="0" borderId="10" xfId="0" applyFont="1" applyFill="1" applyBorder="1" applyAlignment="1">
      <alignment horizontal="center" vertical="center"/>
    </xf>
    <xf numFmtId="0" fontId="19" fillId="0" borderId="11" xfId="0" applyFont="1" applyFill="1" applyBorder="1" applyAlignment="1">
      <alignment horizontal="center" vertical="center"/>
    </xf>
    <xf numFmtId="0" fontId="12" fillId="0" borderId="11" xfId="0" applyFont="1" applyFill="1" applyBorder="1" applyAlignment="1">
      <alignment horizontal="center" vertical="center" wrapText="1"/>
    </xf>
    <xf numFmtId="0" fontId="19" fillId="0" borderId="12" xfId="0" applyFont="1" applyFill="1" applyBorder="1" applyAlignment="1">
      <alignment horizontal="center" vertical="center"/>
    </xf>
    <xf numFmtId="0" fontId="19" fillId="0" borderId="13" xfId="0" applyFont="1" applyFill="1" applyBorder="1">
      <alignment vertical="center"/>
    </xf>
    <xf numFmtId="0" fontId="19" fillId="0" borderId="14" xfId="0" applyFont="1" applyFill="1" applyBorder="1">
      <alignment vertical="center"/>
    </xf>
    <xf numFmtId="176" fontId="19" fillId="0" borderId="14" xfId="0" applyNumberFormat="1" applyFont="1" applyFill="1" applyBorder="1" applyAlignment="1">
      <alignment horizontal="right" vertical="center"/>
    </xf>
    <xf numFmtId="0" fontId="19" fillId="0" borderId="16" xfId="0" applyFont="1" applyFill="1" applyBorder="1">
      <alignment vertical="center"/>
    </xf>
    <xf numFmtId="0" fontId="19" fillId="0" borderId="17" xfId="0" applyFont="1" applyFill="1" applyBorder="1">
      <alignment vertical="center"/>
    </xf>
    <xf numFmtId="0" fontId="19" fillId="0" borderId="18" xfId="0" applyFont="1" applyFill="1" applyBorder="1" applyAlignment="1">
      <alignment horizontal="center" vertical="center"/>
    </xf>
    <xf numFmtId="0" fontId="19" fillId="0" borderId="19" xfId="0" applyFont="1" applyFill="1" applyBorder="1">
      <alignment vertical="center"/>
    </xf>
    <xf numFmtId="0" fontId="19" fillId="0" borderId="20" xfId="0" applyFont="1" applyFill="1" applyBorder="1">
      <alignment vertical="center"/>
    </xf>
    <xf numFmtId="176" fontId="19" fillId="0" borderId="100" xfId="0" applyNumberFormat="1" applyFont="1" applyFill="1" applyBorder="1" applyAlignment="1">
      <alignment horizontal="right" vertical="center"/>
    </xf>
    <xf numFmtId="0" fontId="19" fillId="0" borderId="21" xfId="0" applyFont="1" applyFill="1" applyBorder="1" applyAlignment="1">
      <alignment horizontal="center" vertical="center"/>
    </xf>
    <xf numFmtId="0" fontId="19" fillId="0" borderId="22" xfId="0" applyFont="1" applyFill="1" applyBorder="1">
      <alignment vertical="center"/>
    </xf>
    <xf numFmtId="0" fontId="19" fillId="0" borderId="23" xfId="0" applyFont="1" applyFill="1" applyBorder="1">
      <alignment vertical="center"/>
    </xf>
    <xf numFmtId="176" fontId="19" fillId="0" borderId="24" xfId="0" applyNumberFormat="1" applyFont="1" applyFill="1" applyBorder="1" applyAlignment="1">
      <alignment horizontal="right" vertical="center"/>
    </xf>
    <xf numFmtId="176" fontId="19" fillId="0" borderId="0" xfId="0" applyNumberFormat="1" applyFont="1" applyFill="1">
      <alignment vertical="center"/>
    </xf>
    <xf numFmtId="0" fontId="19" fillId="0" borderId="51" xfId="0" applyFont="1" applyFill="1" applyBorder="1" applyAlignment="1">
      <alignment horizontal="center" vertical="center"/>
    </xf>
    <xf numFmtId="0" fontId="19" fillId="0" borderId="31" xfId="0" applyFont="1" applyFill="1" applyBorder="1">
      <alignment vertical="center"/>
    </xf>
    <xf numFmtId="0" fontId="19" fillId="0" borderId="64" xfId="0" applyFont="1" applyFill="1" applyBorder="1">
      <alignment vertical="center"/>
    </xf>
    <xf numFmtId="0" fontId="19" fillId="0" borderId="66" xfId="0" applyFont="1" applyFill="1" applyBorder="1">
      <alignment vertical="center"/>
    </xf>
    <xf numFmtId="38" fontId="19" fillId="0" borderId="125" xfId="2" applyFont="1" applyFill="1" applyBorder="1" applyAlignment="1">
      <alignment vertical="center"/>
    </xf>
    <xf numFmtId="38" fontId="19" fillId="0" borderId="86" xfId="2" applyFont="1" applyFill="1" applyBorder="1" applyAlignment="1">
      <alignment vertical="center"/>
    </xf>
    <xf numFmtId="2" fontId="19" fillId="0" borderId="86" xfId="0" applyNumberFormat="1" applyFont="1" applyFill="1" applyBorder="1">
      <alignment vertical="center"/>
    </xf>
    <xf numFmtId="2" fontId="19" fillId="0" borderId="119" xfId="0" applyNumberFormat="1" applyFont="1" applyFill="1" applyBorder="1">
      <alignment vertical="center"/>
    </xf>
    <xf numFmtId="38" fontId="19" fillId="0" borderId="126" xfId="2" applyFont="1" applyFill="1" applyBorder="1" applyAlignment="1">
      <alignment vertical="center"/>
    </xf>
    <xf numFmtId="0" fontId="9" fillId="0" borderId="0" xfId="0" applyFont="1" applyFill="1">
      <alignment vertical="center"/>
    </xf>
    <xf numFmtId="0" fontId="19" fillId="0" borderId="0" xfId="0" applyFont="1" applyFill="1" applyAlignment="1">
      <alignment horizontal="right" vertical="center"/>
    </xf>
    <xf numFmtId="0" fontId="19" fillId="0" borderId="0" xfId="0" applyFont="1" applyFill="1" applyAlignment="1">
      <alignment horizontal="left" vertical="center" indent="3"/>
    </xf>
    <xf numFmtId="0" fontId="19" fillId="0" borderId="0" xfId="0" applyFont="1" applyFill="1" applyAlignment="1">
      <alignment horizontal="left" vertical="center" indent="4"/>
    </xf>
    <xf numFmtId="0" fontId="8" fillId="0" borderId="0" xfId="0" applyFont="1" applyFill="1" applyAlignment="1">
      <alignment horizontal="right" vertical="center"/>
    </xf>
    <xf numFmtId="0" fontId="14" fillId="0" borderId="0" xfId="0" applyFont="1" applyFill="1" applyAlignment="1">
      <alignment horizontal="left" vertical="center"/>
    </xf>
    <xf numFmtId="0" fontId="7" fillId="0" borderId="0" xfId="0" applyFont="1" applyFill="1" applyAlignment="1">
      <alignment horizontal="left" vertical="center"/>
    </xf>
    <xf numFmtId="0" fontId="5" fillId="0" borderId="0" xfId="0" applyFont="1" applyFill="1" applyAlignment="1">
      <alignment horizontal="left" vertical="center"/>
    </xf>
    <xf numFmtId="11" fontId="9" fillId="0" borderId="0" xfId="0" applyNumberFormat="1" applyFont="1" applyFill="1">
      <alignment vertical="center"/>
    </xf>
    <xf numFmtId="0" fontId="8" fillId="0" borderId="0" xfId="0" applyFont="1" applyFill="1" applyAlignment="1">
      <alignment horizontal="center" vertical="center"/>
    </xf>
    <xf numFmtId="0" fontId="9" fillId="0" borderId="0" xfId="0" applyFont="1" applyFill="1" applyAlignment="1">
      <alignment horizontal="center" vertical="center"/>
    </xf>
    <xf numFmtId="0" fontId="9" fillId="0" borderId="0" xfId="0" applyFont="1" applyFill="1" applyAlignment="1">
      <alignment horizontal="left" vertical="center"/>
    </xf>
    <xf numFmtId="0" fontId="9" fillId="0" borderId="18" xfId="0" applyFont="1" applyFill="1" applyBorder="1" applyAlignment="1">
      <alignment horizontal="center" vertical="center" wrapText="1"/>
    </xf>
    <xf numFmtId="0" fontId="9" fillId="0" borderId="30" xfId="0" applyFont="1" applyFill="1" applyBorder="1" applyAlignment="1">
      <alignment horizontal="center" vertical="center" wrapText="1"/>
    </xf>
    <xf numFmtId="0" fontId="9" fillId="0" borderId="19" xfId="0" applyFont="1" applyFill="1" applyBorder="1" applyAlignment="1">
      <alignment horizontal="center" vertical="center" wrapText="1"/>
    </xf>
    <xf numFmtId="0" fontId="9" fillId="0" borderId="14" xfId="0" applyFont="1" applyFill="1" applyBorder="1" applyAlignment="1">
      <alignment horizontal="center" vertical="center"/>
    </xf>
    <xf numFmtId="38" fontId="9" fillId="0" borderId="1" xfId="2" applyFont="1" applyFill="1" applyBorder="1" applyAlignment="1">
      <alignment horizontal="right" vertical="center"/>
    </xf>
    <xf numFmtId="177" fontId="9" fillId="0" borderId="1" xfId="2" applyNumberFormat="1" applyFont="1" applyFill="1" applyBorder="1" applyAlignment="1">
      <alignment horizontal="right" vertical="center"/>
    </xf>
    <xf numFmtId="0" fontId="9" fillId="0" borderId="17" xfId="0" applyFont="1" applyFill="1" applyBorder="1" applyAlignment="1">
      <alignment horizontal="center" vertical="center"/>
    </xf>
    <xf numFmtId="38" fontId="9" fillId="0" borderId="2" xfId="2" applyFont="1" applyFill="1" applyBorder="1" applyAlignment="1">
      <alignment horizontal="right" vertical="center"/>
    </xf>
    <xf numFmtId="0" fontId="10" fillId="0" borderId="20" xfId="0" applyFont="1" applyFill="1" applyBorder="1" applyAlignment="1">
      <alignment horizontal="center" vertical="center"/>
    </xf>
    <xf numFmtId="38" fontId="10" fillId="0" borderId="18" xfId="2" applyFont="1" applyFill="1" applyBorder="1" applyAlignment="1">
      <alignment horizontal="right" vertical="center"/>
    </xf>
    <xf numFmtId="38" fontId="10" fillId="0" borderId="30" xfId="2" applyFont="1" applyFill="1" applyBorder="1" applyAlignment="1">
      <alignment horizontal="right" vertical="center"/>
    </xf>
    <xf numFmtId="177" fontId="10" fillId="0" borderId="30" xfId="2" applyNumberFormat="1" applyFont="1" applyFill="1" applyBorder="1" applyAlignment="1">
      <alignment horizontal="right" vertical="center"/>
    </xf>
    <xf numFmtId="38" fontId="10" fillId="0" borderId="1" xfId="2" applyFont="1" applyFill="1" applyBorder="1" applyAlignment="1">
      <alignment horizontal="right" vertical="center"/>
    </xf>
    <xf numFmtId="176" fontId="10" fillId="0" borderId="19" xfId="3" applyNumberFormat="1" applyFont="1" applyFill="1" applyBorder="1" applyAlignment="1">
      <alignment horizontal="right" vertical="center"/>
    </xf>
    <xf numFmtId="0" fontId="9" fillId="0" borderId="23" xfId="0" applyFont="1" applyFill="1" applyBorder="1" applyAlignment="1">
      <alignment horizontal="center" vertical="center"/>
    </xf>
    <xf numFmtId="38" fontId="9" fillId="0" borderId="7" xfId="2" applyFont="1" applyFill="1" applyBorder="1" applyAlignment="1">
      <alignment horizontal="right" vertical="center"/>
    </xf>
    <xf numFmtId="177" fontId="9" fillId="0" borderId="4" xfId="2" applyNumberFormat="1" applyFont="1" applyFill="1" applyBorder="1" applyAlignment="1">
      <alignment horizontal="right" vertical="center"/>
    </xf>
    <xf numFmtId="38" fontId="9" fillId="0" borderId="46" xfId="2" applyFont="1" applyFill="1" applyBorder="1" applyAlignment="1">
      <alignment horizontal="right" vertical="center"/>
    </xf>
    <xf numFmtId="0" fontId="9" fillId="0" borderId="20" xfId="0" applyFont="1" applyFill="1" applyBorder="1" applyAlignment="1">
      <alignment horizontal="center" vertical="center"/>
    </xf>
    <xf numFmtId="38" fontId="9" fillId="0" borderId="30" xfId="2" applyFont="1" applyFill="1" applyBorder="1" applyAlignment="1">
      <alignment horizontal="right" vertical="center"/>
    </xf>
    <xf numFmtId="177" fontId="9" fillId="0" borderId="30" xfId="2" applyNumberFormat="1" applyFont="1" applyFill="1" applyBorder="1" applyAlignment="1">
      <alignment horizontal="right" vertical="center"/>
    </xf>
    <xf numFmtId="0" fontId="11" fillId="0" borderId="0" xfId="0" applyFont="1" applyFill="1" applyAlignment="1">
      <alignment horizontal="center" vertical="center"/>
    </xf>
    <xf numFmtId="0" fontId="8" fillId="0" borderId="0" xfId="0" applyFont="1" applyFill="1" applyAlignment="1">
      <alignment horizontal="left" vertical="center"/>
    </xf>
    <xf numFmtId="177" fontId="9" fillId="0" borderId="46" xfId="2" applyNumberFormat="1" applyFont="1" applyFill="1" applyBorder="1" applyAlignment="1">
      <alignment horizontal="right" vertical="center"/>
    </xf>
    <xf numFmtId="176" fontId="9" fillId="0" borderId="13" xfId="3" applyNumberFormat="1" applyFont="1" applyFill="1" applyBorder="1" applyAlignment="1">
      <alignment vertical="center"/>
    </xf>
    <xf numFmtId="176" fontId="9" fillId="0" borderId="19" xfId="3" applyNumberFormat="1" applyFont="1" applyFill="1" applyBorder="1" applyAlignment="1">
      <alignment vertical="center"/>
    </xf>
    <xf numFmtId="0" fontId="9" fillId="0" borderId="0" xfId="0" applyFont="1" applyFill="1" applyAlignment="1">
      <alignment vertical="center" wrapText="1"/>
    </xf>
    <xf numFmtId="178" fontId="14" fillId="0" borderId="0" xfId="2" applyNumberFormat="1" applyFont="1" applyFill="1">
      <alignment vertical="center"/>
    </xf>
    <xf numFmtId="178" fontId="9" fillId="0" borderId="0" xfId="2" applyNumberFormat="1" applyFont="1" applyFill="1" applyAlignment="1">
      <alignment horizontal="right"/>
    </xf>
    <xf numFmtId="178" fontId="8" fillId="0" borderId="0" xfId="2" applyNumberFormat="1" applyFont="1" applyFill="1">
      <alignment vertical="center"/>
    </xf>
    <xf numFmtId="178" fontId="9" fillId="0" borderId="18" xfId="2" applyNumberFormat="1" applyFont="1" applyFill="1" applyBorder="1" applyAlignment="1">
      <alignment horizontal="center" vertical="center" wrapText="1"/>
    </xf>
    <xf numFmtId="178" fontId="9" fillId="0" borderId="14" xfId="2" applyNumberFormat="1" applyFont="1" applyFill="1" applyBorder="1" applyAlignment="1">
      <alignment horizontal="center" vertical="center"/>
    </xf>
    <xf numFmtId="178" fontId="9" fillId="0" borderId="12" xfId="2" applyNumberFormat="1" applyFont="1" applyFill="1" applyBorder="1" applyAlignment="1">
      <alignment horizontal="right" vertical="center"/>
    </xf>
    <xf numFmtId="178" fontId="9" fillId="0" borderId="7" xfId="2" applyNumberFormat="1" applyFont="1" applyFill="1" applyBorder="1" applyAlignment="1">
      <alignment horizontal="right" vertical="center"/>
    </xf>
    <xf numFmtId="178" fontId="9" fillId="0" borderId="75" xfId="2" applyNumberFormat="1" applyFont="1" applyFill="1" applyBorder="1">
      <alignment vertical="center"/>
    </xf>
    <xf numFmtId="178" fontId="9" fillId="0" borderId="31" xfId="2" applyNumberFormat="1" applyFont="1" applyFill="1" applyBorder="1">
      <alignment vertical="center"/>
    </xf>
    <xf numFmtId="178" fontId="9" fillId="0" borderId="41" xfId="2" applyNumberFormat="1" applyFont="1" applyFill="1" applyBorder="1">
      <alignment vertical="center"/>
    </xf>
    <xf numFmtId="178" fontId="9" fillId="0" borderId="44" xfId="2" applyNumberFormat="1" applyFont="1" applyFill="1" applyBorder="1">
      <alignment vertical="center"/>
    </xf>
    <xf numFmtId="178" fontId="9" fillId="0" borderId="130" xfId="2" applyNumberFormat="1" applyFont="1" applyFill="1" applyBorder="1" applyAlignment="1">
      <alignment horizontal="right" vertical="center"/>
    </xf>
    <xf numFmtId="178" fontId="9" fillId="0" borderId="51" xfId="2" applyNumberFormat="1" applyFont="1" applyFill="1" applyBorder="1">
      <alignment vertical="center"/>
    </xf>
    <xf numFmtId="178" fontId="9" fillId="0" borderId="17" xfId="2" applyNumberFormat="1" applyFont="1" applyFill="1" applyBorder="1" applyAlignment="1">
      <alignment horizontal="center" vertical="center"/>
    </xf>
    <xf numFmtId="178" fontId="9" fillId="0" borderId="13" xfId="2" applyNumberFormat="1" applyFont="1" applyFill="1" applyBorder="1">
      <alignment vertical="center"/>
    </xf>
    <xf numFmtId="178" fontId="9" fillId="0" borderId="12" xfId="2" applyNumberFormat="1" applyFont="1" applyFill="1" applyBorder="1">
      <alignment vertical="center"/>
    </xf>
    <xf numFmtId="178" fontId="9" fillId="0" borderId="20" xfId="2" applyNumberFormat="1" applyFont="1" applyFill="1" applyBorder="1" applyAlignment="1">
      <alignment horizontal="center" vertical="center"/>
    </xf>
    <xf numFmtId="178" fontId="9" fillId="0" borderId="18" xfId="2" applyNumberFormat="1" applyFont="1" applyFill="1" applyBorder="1" applyAlignment="1">
      <alignment horizontal="right" vertical="center"/>
    </xf>
    <xf numFmtId="178" fontId="9" fillId="0" borderId="30" xfId="2" applyNumberFormat="1" applyFont="1" applyFill="1" applyBorder="1" applyAlignment="1">
      <alignment horizontal="right" vertical="center"/>
    </xf>
    <xf numFmtId="178" fontId="9" fillId="0" borderId="19" xfId="2" applyNumberFormat="1" applyFont="1" applyFill="1" applyBorder="1">
      <alignment vertical="center"/>
    </xf>
    <xf numFmtId="178" fontId="9" fillId="0" borderId="18" xfId="2" applyNumberFormat="1" applyFont="1" applyFill="1" applyBorder="1">
      <alignment vertical="center"/>
    </xf>
    <xf numFmtId="178" fontId="9" fillId="0" borderId="76" xfId="2" applyNumberFormat="1" applyFont="1" applyFill="1" applyBorder="1">
      <alignment vertical="center"/>
    </xf>
    <xf numFmtId="178" fontId="9" fillId="0" borderId="131" xfId="2" applyNumberFormat="1" applyFont="1" applyFill="1" applyBorder="1" applyAlignment="1">
      <alignment horizontal="right" vertical="center"/>
    </xf>
    <xf numFmtId="178" fontId="9" fillId="0" borderId="53" xfId="2" applyNumberFormat="1" applyFont="1" applyFill="1" applyBorder="1">
      <alignment vertical="center"/>
    </xf>
    <xf numFmtId="178" fontId="9" fillId="0" borderId="23" xfId="2" applyNumberFormat="1" applyFont="1" applyFill="1" applyBorder="1" applyAlignment="1">
      <alignment horizontal="center" vertical="center" wrapText="1"/>
    </xf>
    <xf numFmtId="178" fontId="9" fillId="0" borderId="21" xfId="2" applyNumberFormat="1" applyFont="1" applyFill="1" applyBorder="1">
      <alignment vertical="center"/>
    </xf>
    <xf numFmtId="178" fontId="9" fillId="0" borderId="43" xfId="2" applyNumberFormat="1" applyFont="1" applyFill="1" applyBorder="1">
      <alignment vertical="center"/>
    </xf>
    <xf numFmtId="178" fontId="9" fillId="0" borderId="73" xfId="2" applyNumberFormat="1" applyFont="1" applyFill="1" applyBorder="1">
      <alignment vertical="center"/>
    </xf>
    <xf numFmtId="178" fontId="9" fillId="0" borderId="35" xfId="2" applyNumberFormat="1" applyFont="1" applyFill="1" applyBorder="1">
      <alignment vertical="center"/>
    </xf>
    <xf numFmtId="178" fontId="9" fillId="0" borderId="32" xfId="2" applyNumberFormat="1" applyFont="1" applyFill="1" applyBorder="1">
      <alignment vertical="center"/>
    </xf>
    <xf numFmtId="178" fontId="9" fillId="0" borderId="77" xfId="2" applyNumberFormat="1" applyFont="1" applyFill="1" applyBorder="1">
      <alignment vertical="center"/>
    </xf>
    <xf numFmtId="178" fontId="9" fillId="0" borderId="132" xfId="2" applyNumberFormat="1" applyFont="1" applyFill="1" applyBorder="1" applyAlignment="1">
      <alignment horizontal="right" vertical="center"/>
    </xf>
    <xf numFmtId="178" fontId="9" fillId="0" borderId="41" xfId="2" applyNumberFormat="1" applyFont="1" applyFill="1" applyBorder="1" applyAlignment="1">
      <alignment horizontal="right" vertical="center"/>
    </xf>
    <xf numFmtId="178" fontId="9" fillId="0" borderId="31" xfId="2" applyNumberFormat="1" applyFont="1" applyFill="1" applyBorder="1" applyAlignment="1">
      <alignment horizontal="right" vertical="center"/>
    </xf>
    <xf numFmtId="178" fontId="9" fillId="0" borderId="7" xfId="2" applyNumberFormat="1" applyFont="1" applyFill="1" applyBorder="1">
      <alignment vertical="center"/>
    </xf>
    <xf numFmtId="178" fontId="9" fillId="0" borderId="51" xfId="2" applyNumberFormat="1" applyFont="1" applyFill="1" applyBorder="1" applyAlignment="1">
      <alignment horizontal="right" vertical="center"/>
    </xf>
    <xf numFmtId="178" fontId="9" fillId="0" borderId="13" xfId="2" applyNumberFormat="1" applyFont="1" applyFill="1" applyBorder="1" applyAlignment="1">
      <alignment horizontal="right" vertical="center"/>
    </xf>
    <xf numFmtId="178" fontId="9" fillId="0" borderId="23" xfId="2" applyNumberFormat="1" applyFont="1" applyFill="1" applyBorder="1" applyAlignment="1">
      <alignment horizontal="center" vertical="center"/>
    </xf>
    <xf numFmtId="178" fontId="9" fillId="0" borderId="34" xfId="2" applyNumberFormat="1" applyFont="1" applyFill="1" applyBorder="1">
      <alignment vertical="center"/>
    </xf>
    <xf numFmtId="178" fontId="9" fillId="0" borderId="33" xfId="2" applyNumberFormat="1" applyFont="1" applyFill="1" applyBorder="1">
      <alignment vertical="center"/>
    </xf>
    <xf numFmtId="178" fontId="9" fillId="0" borderId="73" xfId="2" applyNumberFormat="1" applyFont="1" applyFill="1" applyBorder="1" applyAlignment="1">
      <alignment horizontal="right" vertical="center"/>
    </xf>
    <xf numFmtId="178" fontId="12" fillId="0" borderId="0" xfId="2" applyNumberFormat="1" applyFont="1" applyFill="1">
      <alignment vertical="center"/>
    </xf>
    <xf numFmtId="178" fontId="9" fillId="0" borderId="1" xfId="2" applyNumberFormat="1" applyFont="1" applyFill="1" applyBorder="1">
      <alignment vertical="center"/>
    </xf>
    <xf numFmtId="178" fontId="9" fillId="0" borderId="4" xfId="2" applyNumberFormat="1" applyFont="1" applyFill="1" applyBorder="1">
      <alignment vertical="center"/>
    </xf>
    <xf numFmtId="178" fontId="9" fillId="0" borderId="2" xfId="2" applyNumberFormat="1" applyFont="1" applyFill="1" applyBorder="1">
      <alignment vertical="center"/>
    </xf>
    <xf numFmtId="178" fontId="9" fillId="0" borderId="3" xfId="2" applyNumberFormat="1" applyFont="1" applyFill="1" applyBorder="1">
      <alignment vertical="center"/>
    </xf>
    <xf numFmtId="178" fontId="9" fillId="0" borderId="30" xfId="2" applyNumberFormat="1" applyFont="1" applyFill="1" applyBorder="1">
      <alignment vertical="center"/>
    </xf>
    <xf numFmtId="178" fontId="9" fillId="0" borderId="55" xfId="2" applyNumberFormat="1" applyFont="1" applyFill="1" applyBorder="1">
      <alignment vertical="center"/>
    </xf>
    <xf numFmtId="0" fontId="9" fillId="0" borderId="0" xfId="0" applyFont="1" applyFill="1" applyAlignment="1">
      <alignment horizontal="right" vertical="center"/>
    </xf>
    <xf numFmtId="49" fontId="7" fillId="0" borderId="0" xfId="0" applyNumberFormat="1" applyFont="1" applyFill="1" applyAlignment="1">
      <alignment horizontal="left" vertical="center"/>
    </xf>
    <xf numFmtId="0" fontId="8" fillId="0" borderId="0" xfId="0" applyFont="1" applyFill="1">
      <alignment vertical="center"/>
    </xf>
    <xf numFmtId="57" fontId="9" fillId="0" borderId="18" xfId="0" applyNumberFormat="1" applyFont="1" applyFill="1" applyBorder="1" applyAlignment="1">
      <alignment horizontal="center" vertical="center" wrapText="1"/>
    </xf>
    <xf numFmtId="57" fontId="15" fillId="0" borderId="30" xfId="0" applyNumberFormat="1" applyFont="1" applyFill="1" applyBorder="1" applyAlignment="1">
      <alignment horizontal="center" vertical="center" wrapText="1"/>
    </xf>
    <xf numFmtId="57" fontId="9" fillId="0" borderId="19" xfId="0" applyNumberFormat="1" applyFont="1" applyFill="1" applyBorder="1" applyAlignment="1">
      <alignment horizontal="center" vertical="center"/>
    </xf>
    <xf numFmtId="176" fontId="9" fillId="0" borderId="13" xfId="0" applyNumberFormat="1" applyFont="1" applyFill="1" applyBorder="1" applyAlignment="1">
      <alignment horizontal="right" vertical="center"/>
    </xf>
    <xf numFmtId="176" fontId="9" fillId="0" borderId="16" xfId="0" applyNumberFormat="1" applyFont="1" applyFill="1" applyBorder="1" applyAlignment="1">
      <alignment horizontal="right" vertical="center"/>
    </xf>
    <xf numFmtId="38" fontId="9" fillId="0" borderId="2" xfId="2" applyFont="1" applyFill="1" applyBorder="1">
      <alignment vertical="center"/>
    </xf>
    <xf numFmtId="176" fontId="9" fillId="0" borderId="19" xfId="0" applyNumberFormat="1" applyFont="1" applyFill="1" applyBorder="1" applyAlignment="1">
      <alignment horizontal="right" vertical="center"/>
    </xf>
    <xf numFmtId="0" fontId="9" fillId="0" borderId="24" xfId="0" applyFont="1" applyFill="1" applyBorder="1" applyAlignment="1">
      <alignment horizontal="center" vertical="center"/>
    </xf>
    <xf numFmtId="176" fontId="9" fillId="0" borderId="35" xfId="0" applyNumberFormat="1" applyFont="1" applyFill="1" applyBorder="1" applyAlignment="1">
      <alignment horizontal="right" vertical="center"/>
    </xf>
    <xf numFmtId="57" fontId="9" fillId="0" borderId="92" xfId="6" applyNumberFormat="1" applyFont="1" applyFill="1" applyBorder="1" applyAlignment="1">
      <alignment horizontal="center" vertical="center" wrapText="1"/>
    </xf>
    <xf numFmtId="57" fontId="9" fillId="0" borderId="109" xfId="6" applyNumberFormat="1" applyFont="1" applyFill="1" applyBorder="1" applyAlignment="1">
      <alignment horizontal="center" vertical="center" wrapText="1"/>
    </xf>
    <xf numFmtId="57" fontId="9" fillId="0" borderId="104" xfId="6" applyNumberFormat="1" applyFont="1" applyFill="1" applyBorder="1" applyAlignment="1">
      <alignment horizontal="center" vertical="center" wrapText="1"/>
    </xf>
    <xf numFmtId="57" fontId="9" fillId="0" borderId="107" xfId="6" applyNumberFormat="1" applyFont="1" applyFill="1" applyBorder="1" applyAlignment="1">
      <alignment horizontal="center" vertical="center" wrapText="1"/>
    </xf>
    <xf numFmtId="57" fontId="9" fillId="0" borderId="111" xfId="6" applyNumberFormat="1" applyFont="1" applyFill="1" applyBorder="1" applyAlignment="1">
      <alignment horizontal="center" vertical="center" wrapText="1"/>
    </xf>
    <xf numFmtId="0" fontId="9" fillId="0" borderId="104" xfId="0" applyFont="1" applyFill="1" applyBorder="1" applyAlignment="1">
      <alignment horizontal="center" vertical="center"/>
    </xf>
    <xf numFmtId="0" fontId="9" fillId="0" borderId="0" xfId="6" applyFont="1" applyFill="1" applyAlignment="1">
      <alignment horizontal="center" vertical="center"/>
    </xf>
    <xf numFmtId="57" fontId="9" fillId="0" borderId="9" xfId="6" applyNumberFormat="1" applyFont="1" applyFill="1" applyBorder="1" applyAlignment="1">
      <alignment horizontal="center" vertical="center" wrapText="1"/>
    </xf>
    <xf numFmtId="57" fontId="9" fillId="0" borderId="58" xfId="6" applyNumberFormat="1" applyFont="1" applyFill="1" applyBorder="1" applyAlignment="1">
      <alignment horizontal="center" vertical="center" wrapText="1"/>
    </xf>
    <xf numFmtId="0" fontId="9" fillId="0" borderId="59" xfId="0" applyFont="1" applyFill="1" applyBorder="1" applyAlignment="1">
      <alignment horizontal="center" vertical="center"/>
    </xf>
    <xf numFmtId="57" fontId="12" fillId="0" borderId="114" xfId="6" applyNumberFormat="1" applyFont="1" applyFill="1" applyBorder="1" applyAlignment="1">
      <alignment horizontal="center" vertical="center" wrapText="1"/>
    </xf>
    <xf numFmtId="57" fontId="9" fillId="0" borderId="19" xfId="6" applyNumberFormat="1" applyFont="1" applyFill="1" applyBorder="1" applyAlignment="1">
      <alignment horizontal="center" vertical="center" wrapText="1"/>
    </xf>
    <xf numFmtId="57" fontId="9" fillId="0" borderId="116" xfId="6" applyNumberFormat="1" applyFont="1" applyFill="1" applyBorder="1" applyAlignment="1">
      <alignment horizontal="center" vertical="center" wrapText="1"/>
    </xf>
    <xf numFmtId="38" fontId="9" fillId="0" borderId="4" xfId="2" applyFont="1" applyFill="1" applyBorder="1" applyAlignment="1">
      <alignment horizontal="right" vertical="center"/>
    </xf>
    <xf numFmtId="57" fontId="16" fillId="0" borderId="18" xfId="0" applyNumberFormat="1" applyFont="1" applyFill="1" applyBorder="1" applyAlignment="1">
      <alignment horizontal="center" vertical="center" wrapText="1"/>
    </xf>
    <xf numFmtId="57" fontId="16" fillId="0" borderId="30" xfId="0" applyNumberFormat="1" applyFont="1" applyFill="1" applyBorder="1" applyAlignment="1">
      <alignment horizontal="center" vertical="center" wrapText="1"/>
    </xf>
    <xf numFmtId="57" fontId="9" fillId="0" borderId="19" xfId="0" applyNumberFormat="1" applyFont="1" applyFill="1" applyBorder="1" applyAlignment="1">
      <alignment horizontal="center" vertical="center" wrapText="1"/>
    </xf>
    <xf numFmtId="57" fontId="12" fillId="0" borderId="18" xfId="0" applyNumberFormat="1" applyFont="1" applyFill="1" applyBorder="1" applyAlignment="1">
      <alignment horizontal="center" vertical="center" wrapText="1"/>
    </xf>
    <xf numFmtId="0" fontId="12" fillId="0" borderId="0" xfId="0" applyFont="1" applyFill="1">
      <alignment vertical="center"/>
    </xf>
    <xf numFmtId="176" fontId="9" fillId="0" borderId="0" xfId="0" applyNumberFormat="1" applyFont="1" applyFill="1">
      <alignment vertical="center"/>
    </xf>
    <xf numFmtId="38" fontId="9" fillId="0" borderId="0" xfId="0" applyNumberFormat="1" applyFont="1" applyFill="1">
      <alignment vertical="center"/>
    </xf>
    <xf numFmtId="0" fontId="9" fillId="0" borderId="122" xfId="0" applyFont="1" applyFill="1" applyBorder="1" applyAlignment="1">
      <alignment horizontal="center" vertical="center"/>
    </xf>
    <xf numFmtId="38" fontId="9" fillId="0" borderId="91" xfId="2" applyFont="1" applyFill="1" applyBorder="1" applyAlignment="1">
      <alignment horizontal="right" vertical="center"/>
    </xf>
    <xf numFmtId="0" fontId="17" fillId="0" borderId="10" xfId="0" applyFont="1" applyFill="1" applyBorder="1" applyAlignment="1">
      <alignment horizontal="center" vertical="center"/>
    </xf>
    <xf numFmtId="0" fontId="17" fillId="0" borderId="48" xfId="0" applyFont="1" applyFill="1" applyBorder="1" applyAlignment="1">
      <alignment horizontal="center" vertical="center"/>
    </xf>
    <xf numFmtId="0" fontId="17" fillId="0" borderId="49" xfId="0" applyFont="1" applyFill="1" applyBorder="1" applyAlignment="1">
      <alignment horizontal="center" vertical="center"/>
    </xf>
    <xf numFmtId="0" fontId="12" fillId="0" borderId="49" xfId="0" applyFont="1" applyFill="1" applyBorder="1" applyAlignment="1">
      <alignment horizontal="center" vertical="center" wrapText="1"/>
    </xf>
    <xf numFmtId="0" fontId="17" fillId="0" borderId="49" xfId="0" applyFont="1" applyFill="1" applyBorder="1" applyAlignment="1">
      <alignment horizontal="center" vertical="center" wrapText="1"/>
    </xf>
    <xf numFmtId="0" fontId="12" fillId="0" borderId="50" xfId="0" applyFont="1" applyFill="1" applyBorder="1" applyAlignment="1">
      <alignment horizontal="center" vertical="center" wrapText="1"/>
    </xf>
    <xf numFmtId="0" fontId="15" fillId="0" borderId="50" xfId="0" applyFont="1" applyFill="1" applyBorder="1" applyAlignment="1">
      <alignment horizontal="center" vertical="center" wrapText="1"/>
    </xf>
    <xf numFmtId="0" fontId="9" fillId="0" borderId="84" xfId="0" applyFont="1" applyFill="1" applyBorder="1" applyAlignment="1">
      <alignment horizontal="center" vertical="center" wrapText="1"/>
    </xf>
    <xf numFmtId="0" fontId="9" fillId="0" borderId="51" xfId="6" applyFont="1" applyFill="1" applyBorder="1" applyAlignment="1">
      <alignment horizontal="center" vertical="center"/>
    </xf>
    <xf numFmtId="38" fontId="9" fillId="0" borderId="13" xfId="2" applyFont="1" applyFill="1" applyBorder="1" applyAlignment="1">
      <alignment horizontal="right" vertical="center"/>
    </xf>
    <xf numFmtId="38" fontId="9" fillId="0" borderId="44" xfId="0" applyNumberFormat="1" applyFont="1" applyFill="1" applyBorder="1">
      <alignment vertical="center"/>
    </xf>
    <xf numFmtId="38" fontId="9" fillId="0" borderId="4" xfId="0" applyNumberFormat="1" applyFont="1" applyFill="1" applyBorder="1">
      <alignment vertical="center"/>
    </xf>
    <xf numFmtId="38" fontId="9" fillId="0" borderId="1" xfId="0" applyNumberFormat="1" applyFont="1" applyFill="1" applyBorder="1">
      <alignment vertical="center"/>
    </xf>
    <xf numFmtId="38" fontId="9" fillId="0" borderId="7" xfId="0" applyNumberFormat="1" applyFont="1" applyFill="1" applyBorder="1">
      <alignment vertical="center"/>
    </xf>
    <xf numFmtId="38" fontId="9" fillId="0" borderId="16" xfId="2" applyFont="1" applyFill="1" applyBorder="1" applyAlignment="1">
      <alignment horizontal="right" vertical="center"/>
    </xf>
    <xf numFmtId="38" fontId="9" fillId="0" borderId="79" xfId="0" applyNumberFormat="1" applyFont="1" applyFill="1" applyBorder="1">
      <alignment vertical="center"/>
    </xf>
    <xf numFmtId="38" fontId="9" fillId="0" borderId="3" xfId="0" applyNumberFormat="1" applyFont="1" applyFill="1" applyBorder="1">
      <alignment vertical="center"/>
    </xf>
    <xf numFmtId="38" fontId="9" fillId="0" borderId="2" xfId="0" applyNumberFormat="1" applyFont="1" applyFill="1" applyBorder="1">
      <alignment vertical="center"/>
    </xf>
    <xf numFmtId="38" fontId="9" fillId="0" borderId="8" xfId="0" applyNumberFormat="1" applyFont="1" applyFill="1" applyBorder="1">
      <alignment vertical="center"/>
    </xf>
    <xf numFmtId="38" fontId="9" fillId="0" borderId="54" xfId="2" applyFont="1" applyFill="1" applyBorder="1" applyAlignment="1">
      <alignment horizontal="right" vertical="center"/>
    </xf>
    <xf numFmtId="38" fontId="9" fillId="0" borderId="45" xfId="0" applyNumberFormat="1" applyFont="1" applyFill="1" applyBorder="1">
      <alignment vertical="center"/>
    </xf>
    <xf numFmtId="38" fontId="9" fillId="0" borderId="55" xfId="0" applyNumberFormat="1" applyFont="1" applyFill="1" applyBorder="1">
      <alignment vertical="center"/>
    </xf>
    <xf numFmtId="38" fontId="9" fillId="0" borderId="30" xfId="0" applyNumberFormat="1" applyFont="1" applyFill="1" applyBorder="1">
      <alignment vertical="center"/>
    </xf>
    <xf numFmtId="38" fontId="9" fillId="0" borderId="42" xfId="0" applyNumberFormat="1" applyFont="1" applyFill="1" applyBorder="1">
      <alignment vertical="center"/>
    </xf>
    <xf numFmtId="0" fontId="9" fillId="0" borderId="32" xfId="0" applyFont="1" applyFill="1" applyBorder="1" applyAlignment="1">
      <alignment horizontal="center" vertical="center"/>
    </xf>
    <xf numFmtId="0" fontId="9" fillId="0" borderId="99" xfId="0" applyFont="1" applyFill="1" applyBorder="1">
      <alignment vertical="center"/>
    </xf>
    <xf numFmtId="0" fontId="9" fillId="0" borderId="9" xfId="0" applyFont="1" applyFill="1" applyBorder="1" applyAlignment="1">
      <alignment horizontal="center" vertical="center" wrapText="1"/>
    </xf>
    <xf numFmtId="0" fontId="9" fillId="0" borderId="48" xfId="0" applyFont="1" applyFill="1" applyBorder="1" applyAlignment="1">
      <alignment horizontal="center" vertical="center" wrapText="1"/>
    </xf>
    <xf numFmtId="0" fontId="9" fillId="0" borderId="50" xfId="0" applyFont="1" applyFill="1" applyBorder="1" applyAlignment="1">
      <alignment horizontal="center" vertical="center"/>
    </xf>
    <xf numFmtId="0" fontId="9" fillId="0" borderId="84" xfId="0" applyFont="1" applyFill="1" applyBorder="1" applyAlignment="1">
      <alignment horizontal="center" vertical="center"/>
    </xf>
    <xf numFmtId="0" fontId="9" fillId="0" borderId="49" xfId="0" applyFont="1" applyFill="1" applyBorder="1" applyAlignment="1">
      <alignment horizontal="center" vertical="center" wrapText="1"/>
    </xf>
    <xf numFmtId="38" fontId="9" fillId="0" borderId="51" xfId="0" applyNumberFormat="1" applyFont="1" applyFill="1" applyBorder="1">
      <alignment vertical="center"/>
    </xf>
    <xf numFmtId="38" fontId="9" fillId="0" borderId="85" xfId="0" applyNumberFormat="1" applyFont="1" applyFill="1" applyBorder="1">
      <alignment vertical="center"/>
    </xf>
    <xf numFmtId="0" fontId="9" fillId="0" borderId="44" xfId="0" applyFont="1" applyFill="1" applyBorder="1" applyAlignment="1">
      <alignment horizontal="right" vertical="center"/>
    </xf>
    <xf numFmtId="38" fontId="9" fillId="0" borderId="52" xfId="0" applyNumberFormat="1" applyFont="1" applyFill="1" applyBorder="1">
      <alignment vertical="center"/>
    </xf>
    <xf numFmtId="38" fontId="9" fillId="0" borderId="86" xfId="0" applyNumberFormat="1" applyFont="1" applyFill="1" applyBorder="1">
      <alignment vertical="center"/>
    </xf>
    <xf numFmtId="0" fontId="9" fillId="0" borderId="79" xfId="0" applyFont="1" applyFill="1" applyBorder="1" applyAlignment="1">
      <alignment horizontal="right" vertical="center"/>
    </xf>
    <xf numFmtId="0" fontId="9" fillId="0" borderId="45" xfId="0" applyFont="1" applyFill="1" applyBorder="1" applyAlignment="1">
      <alignment horizontal="right" vertical="center"/>
    </xf>
    <xf numFmtId="0" fontId="9" fillId="0" borderId="77" xfId="0" applyFont="1" applyFill="1" applyBorder="1" applyAlignment="1">
      <alignment horizontal="right" vertical="center"/>
    </xf>
    <xf numFmtId="0" fontId="17" fillId="0" borderId="52" xfId="6" applyFont="1" applyFill="1" applyBorder="1" applyAlignment="1">
      <alignment horizontal="center" vertical="center"/>
    </xf>
    <xf numFmtId="0" fontId="9" fillId="0" borderId="18" xfId="9" applyFont="1" applyFill="1" applyBorder="1" applyAlignment="1">
      <alignment horizontal="center" vertical="center" wrapText="1"/>
    </xf>
    <xf numFmtId="0" fontId="9" fillId="0" borderId="116" xfId="9" applyFont="1" applyFill="1" applyBorder="1" applyAlignment="1">
      <alignment horizontal="center" vertical="center" wrapText="1"/>
    </xf>
    <xf numFmtId="0" fontId="9" fillId="0" borderId="105" xfId="0" applyFont="1" applyFill="1" applyBorder="1" applyAlignment="1">
      <alignment horizontal="center" vertical="center" wrapText="1"/>
    </xf>
    <xf numFmtId="0" fontId="9" fillId="0" borderId="107" xfId="0" applyFont="1" applyFill="1" applyBorder="1" applyAlignment="1">
      <alignment horizontal="center" vertical="center" wrapText="1"/>
    </xf>
    <xf numFmtId="0" fontId="9" fillId="0" borderId="19" xfId="9" applyFont="1" applyFill="1" applyBorder="1" applyAlignment="1">
      <alignment horizontal="center" vertical="center" wrapText="1"/>
    </xf>
    <xf numFmtId="0" fontId="9" fillId="0" borderId="12" xfId="0" applyFont="1" applyFill="1" applyBorder="1" applyAlignment="1">
      <alignment horizontal="right" vertical="center"/>
    </xf>
    <xf numFmtId="0" fontId="9" fillId="0" borderId="7" xfId="0" applyFont="1" applyFill="1" applyBorder="1" applyAlignment="1">
      <alignment horizontal="right" vertical="center" wrapText="1"/>
    </xf>
    <xf numFmtId="0" fontId="9" fillId="0" borderId="1" xfId="0" applyFont="1" applyFill="1" applyBorder="1" applyAlignment="1">
      <alignment horizontal="right" vertical="center" wrapText="1"/>
    </xf>
    <xf numFmtId="0" fontId="9" fillId="0" borderId="4" xfId="0" applyFont="1" applyFill="1" applyBorder="1" applyAlignment="1">
      <alignment horizontal="right" vertical="center" wrapText="1"/>
    </xf>
    <xf numFmtId="0" fontId="9" fillId="0" borderId="15" xfId="0" applyFont="1" applyFill="1" applyBorder="1" applyAlignment="1">
      <alignment horizontal="right" vertical="center"/>
    </xf>
    <xf numFmtId="0" fontId="9" fillId="0" borderId="8" xfId="9" applyFont="1" applyFill="1" applyBorder="1" applyAlignment="1">
      <alignment horizontal="right" vertical="center"/>
    </xf>
    <xf numFmtId="0" fontId="9" fillId="0" borderId="2" xfId="9" applyFont="1" applyFill="1" applyBorder="1" applyAlignment="1">
      <alignment horizontal="right" vertical="center"/>
    </xf>
    <xf numFmtId="0" fontId="9" fillId="0" borderId="3" xfId="9" applyFont="1" applyFill="1" applyBorder="1" applyAlignment="1">
      <alignment horizontal="right" vertical="center"/>
    </xf>
    <xf numFmtId="0" fontId="9" fillId="0" borderId="2" xfId="9" applyFont="1" applyFill="1" applyBorder="1" applyAlignment="1">
      <alignment horizontal="right" vertical="center" wrapText="1"/>
    </xf>
    <xf numFmtId="0" fontId="9" fillId="0" borderId="18" xfId="0" applyFont="1" applyFill="1" applyBorder="1" applyAlignment="1">
      <alignment horizontal="right" vertical="center"/>
    </xf>
    <xf numFmtId="0" fontId="9" fillId="0" borderId="42" xfId="9" applyFont="1" applyFill="1" applyBorder="1" applyAlignment="1">
      <alignment horizontal="right" vertical="center"/>
    </xf>
    <xf numFmtId="0" fontId="9" fillId="0" borderId="30" xfId="9" applyFont="1" applyFill="1" applyBorder="1" applyAlignment="1">
      <alignment horizontal="right" vertical="center"/>
    </xf>
    <xf numFmtId="0" fontId="9" fillId="0" borderId="55" xfId="9" applyFont="1" applyFill="1" applyBorder="1" applyAlignment="1">
      <alignment horizontal="right" vertical="center"/>
    </xf>
    <xf numFmtId="0" fontId="9" fillId="0" borderId="95" xfId="0" applyFont="1" applyFill="1" applyBorder="1" applyAlignment="1">
      <alignment horizontal="right" vertical="center"/>
    </xf>
    <xf numFmtId="0" fontId="9" fillId="0" borderId="43" xfId="0" applyFont="1" applyFill="1" applyBorder="1" applyAlignment="1">
      <alignment horizontal="right" vertical="center"/>
    </xf>
    <xf numFmtId="0" fontId="9" fillId="0" borderId="10" xfId="0" applyFont="1" applyFill="1" applyBorder="1" applyAlignment="1">
      <alignment horizontal="center" vertical="center" wrapText="1"/>
    </xf>
    <xf numFmtId="0" fontId="9" fillId="0" borderId="12" xfId="0" applyFont="1" applyFill="1" applyBorder="1" applyAlignment="1">
      <alignment horizontal="center" vertical="center"/>
    </xf>
    <xf numFmtId="0" fontId="9" fillId="0" borderId="13" xfId="0" applyFont="1" applyFill="1" applyBorder="1" applyAlignment="1">
      <alignment horizontal="right" vertical="center"/>
    </xf>
    <xf numFmtId="0" fontId="9" fillId="0" borderId="15" xfId="0" applyFont="1" applyFill="1" applyBorder="1" applyAlignment="1">
      <alignment horizontal="center" vertical="center"/>
    </xf>
    <xf numFmtId="0" fontId="9" fillId="0" borderId="16" xfId="0" applyFont="1" applyFill="1" applyBorder="1" applyAlignment="1">
      <alignment horizontal="right" vertical="center"/>
    </xf>
    <xf numFmtId="0" fontId="9" fillId="0" borderId="18" xfId="0" applyFont="1" applyFill="1" applyBorder="1" applyAlignment="1">
      <alignment horizontal="center" vertical="center"/>
    </xf>
    <xf numFmtId="0" fontId="9" fillId="0" borderId="19" xfId="0" applyFont="1" applyFill="1" applyBorder="1" applyAlignment="1">
      <alignment horizontal="right" vertical="center"/>
    </xf>
    <xf numFmtId="0" fontId="9" fillId="0" borderId="21" xfId="0" applyFont="1" applyFill="1" applyBorder="1" applyAlignment="1">
      <alignment horizontal="center" vertical="center"/>
    </xf>
    <xf numFmtId="0" fontId="9" fillId="0" borderId="22" xfId="0" applyFont="1" applyFill="1" applyBorder="1" applyAlignment="1">
      <alignment horizontal="right" vertical="center"/>
    </xf>
    <xf numFmtId="0" fontId="9" fillId="0" borderId="1" xfId="0" applyFont="1" applyFill="1" applyBorder="1">
      <alignment vertical="center"/>
    </xf>
    <xf numFmtId="0" fontId="9" fillId="0" borderId="31" xfId="0" applyFont="1" applyFill="1" applyBorder="1">
      <alignment vertical="center"/>
    </xf>
    <xf numFmtId="0" fontId="9" fillId="0" borderId="1" xfId="0" applyFont="1" applyFill="1" applyBorder="1" applyAlignment="1">
      <alignment horizontal="right" vertical="center"/>
    </xf>
    <xf numFmtId="0" fontId="9" fillId="0" borderId="2" xfId="0" applyFont="1" applyFill="1" applyBorder="1">
      <alignment vertical="center"/>
    </xf>
    <xf numFmtId="0" fontId="9" fillId="0" borderId="16" xfId="0" applyFont="1" applyFill="1" applyBorder="1">
      <alignment vertical="center"/>
    </xf>
    <xf numFmtId="0" fontId="9" fillId="0" borderId="2" xfId="0" applyFont="1" applyFill="1" applyBorder="1" applyAlignment="1">
      <alignment horizontal="right" vertical="center"/>
    </xf>
    <xf numFmtId="0" fontId="9" fillId="0" borderId="30" xfId="0" applyFont="1" applyFill="1" applyBorder="1">
      <alignment vertical="center"/>
    </xf>
    <xf numFmtId="0" fontId="9" fillId="0" borderId="19" xfId="0" applyFont="1" applyFill="1" applyBorder="1">
      <alignment vertical="center"/>
    </xf>
    <xf numFmtId="0" fontId="9" fillId="0" borderId="30" xfId="0" applyFont="1" applyFill="1" applyBorder="1" applyAlignment="1">
      <alignment horizontal="right" vertical="center"/>
    </xf>
    <xf numFmtId="0" fontId="9" fillId="0" borderId="41" xfId="0" applyFont="1" applyFill="1" applyBorder="1" applyAlignment="1">
      <alignment horizontal="center" vertical="center"/>
    </xf>
    <xf numFmtId="0" fontId="9" fillId="0" borderId="46" xfId="0" applyFont="1" applyFill="1" applyBorder="1">
      <alignment vertical="center"/>
    </xf>
    <xf numFmtId="0" fontId="9" fillId="0" borderId="46" xfId="0" applyFont="1" applyFill="1" applyBorder="1" applyAlignment="1">
      <alignment horizontal="right" vertical="center"/>
    </xf>
    <xf numFmtId="0" fontId="9" fillId="0" borderId="37" xfId="0" applyFont="1" applyFill="1" applyBorder="1" applyAlignment="1">
      <alignment horizontal="right" vertical="center"/>
    </xf>
    <xf numFmtId="0" fontId="9" fillId="0" borderId="31" xfId="0" applyFont="1" applyFill="1" applyBorder="1" applyAlignment="1">
      <alignment horizontal="right" vertical="center"/>
    </xf>
    <xf numFmtId="0" fontId="9" fillId="0" borderId="70" xfId="0" applyFont="1" applyFill="1" applyBorder="1">
      <alignment vertical="center"/>
    </xf>
    <xf numFmtId="0" fontId="9" fillId="0" borderId="50" xfId="0" applyFont="1" applyFill="1" applyBorder="1" applyAlignment="1">
      <alignment horizontal="center" vertical="center" wrapText="1"/>
    </xf>
    <xf numFmtId="0" fontId="9" fillId="0" borderId="5" xfId="0" applyFont="1" applyFill="1" applyBorder="1" applyAlignment="1">
      <alignment horizontal="right" vertical="center"/>
    </xf>
    <xf numFmtId="0" fontId="9" fillId="0" borderId="54" xfId="0" applyFont="1" applyFill="1" applyBorder="1" applyAlignment="1">
      <alignment horizontal="right" vertical="center"/>
    </xf>
    <xf numFmtId="0" fontId="12" fillId="0" borderId="21" xfId="0" applyFont="1" applyFill="1" applyBorder="1" applyAlignment="1">
      <alignment horizontal="center" vertical="center"/>
    </xf>
    <xf numFmtId="0" fontId="9" fillId="0" borderId="101" xfId="0" applyFont="1" applyFill="1" applyBorder="1">
      <alignment vertical="center"/>
    </xf>
    <xf numFmtId="0" fontId="9" fillId="0" borderId="97" xfId="0" applyFont="1" applyFill="1" applyBorder="1">
      <alignment vertical="center"/>
    </xf>
    <xf numFmtId="0" fontId="9" fillId="0" borderId="97" xfId="3" applyNumberFormat="1" applyFont="1" applyFill="1" applyBorder="1" applyAlignment="1">
      <alignment horizontal="left" vertical="center"/>
    </xf>
    <xf numFmtId="0" fontId="9" fillId="0" borderId="102" xfId="0" applyFont="1" applyFill="1" applyBorder="1">
      <alignment vertical="center"/>
    </xf>
    <xf numFmtId="0" fontId="9" fillId="0" borderId="94" xfId="3" applyNumberFormat="1" applyFont="1" applyFill="1" applyBorder="1" applyAlignment="1">
      <alignment horizontal="left" vertical="center"/>
    </xf>
    <xf numFmtId="0" fontId="9" fillId="0" borderId="94" xfId="0" applyFont="1" applyFill="1" applyBorder="1">
      <alignment vertical="center"/>
    </xf>
    <xf numFmtId="0" fontId="9" fillId="0" borderId="56" xfId="0" applyFont="1" applyFill="1" applyBorder="1">
      <alignment vertical="center"/>
    </xf>
    <xf numFmtId="0" fontId="9" fillId="0" borderId="118" xfId="0" applyFont="1" applyFill="1" applyBorder="1">
      <alignment vertical="center"/>
    </xf>
    <xf numFmtId="0" fontId="9" fillId="0" borderId="118" xfId="3" applyNumberFormat="1" applyFont="1" applyFill="1" applyBorder="1" applyAlignment="1">
      <alignment horizontal="left" vertical="center"/>
    </xf>
    <xf numFmtId="0" fontId="9" fillId="0" borderId="98" xfId="3" applyNumberFormat="1" applyFont="1" applyFill="1" applyBorder="1" applyAlignment="1">
      <alignment horizontal="left" vertical="center"/>
    </xf>
    <xf numFmtId="0" fontId="9" fillId="0" borderId="101" xfId="3" applyNumberFormat="1" applyFont="1" applyFill="1" applyBorder="1" applyAlignment="1">
      <alignment horizontal="left" vertical="center"/>
    </xf>
    <xf numFmtId="0" fontId="9" fillId="0" borderId="102" xfId="3" applyNumberFormat="1" applyFont="1" applyFill="1" applyBorder="1" applyAlignment="1">
      <alignment horizontal="left" vertical="center"/>
    </xf>
    <xf numFmtId="0" fontId="9" fillId="0" borderId="70" xfId="3" applyNumberFormat="1" applyFont="1" applyFill="1" applyBorder="1" applyAlignment="1">
      <alignment horizontal="left" vertical="center"/>
    </xf>
    <xf numFmtId="0" fontId="9" fillId="0" borderId="56" xfId="3" applyNumberFormat="1" applyFont="1" applyFill="1" applyBorder="1" applyAlignment="1">
      <alignment horizontal="left" vertical="center"/>
    </xf>
    <xf numFmtId="0" fontId="9" fillId="0" borderId="98" xfId="0" applyFont="1" applyFill="1" applyBorder="1">
      <alignment vertical="center"/>
    </xf>
    <xf numFmtId="0" fontId="14" fillId="0" borderId="0" xfId="1" applyFont="1" applyFill="1" applyAlignment="1">
      <alignment horizontal="left" vertical="center"/>
    </xf>
    <xf numFmtId="0" fontId="9" fillId="0" borderId="0" xfId="1" applyFont="1" applyFill="1" applyAlignment="1">
      <alignment horizontal="left" vertical="center"/>
    </xf>
    <xf numFmtId="0" fontId="9" fillId="0" borderId="118" xfId="1" applyFont="1" applyFill="1" applyBorder="1">
      <alignment vertical="center"/>
    </xf>
    <xf numFmtId="0" fontId="9" fillId="0" borderId="0" xfId="1" applyFont="1" applyFill="1" applyAlignment="1">
      <alignment horizontal="center" vertical="center"/>
    </xf>
    <xf numFmtId="0" fontId="9" fillId="0" borderId="9" xfId="1" applyFont="1" applyFill="1" applyBorder="1" applyAlignment="1">
      <alignment horizontal="center" vertical="center"/>
    </xf>
    <xf numFmtId="0" fontId="9" fillId="0" borderId="50" xfId="1" applyFont="1" applyFill="1" applyBorder="1" applyAlignment="1">
      <alignment horizontal="center" vertical="center"/>
    </xf>
    <xf numFmtId="0" fontId="9" fillId="0" borderId="49" xfId="1" applyFont="1" applyFill="1" applyBorder="1" applyAlignment="1">
      <alignment horizontal="center" vertical="center"/>
    </xf>
    <xf numFmtId="0" fontId="9" fillId="0" borderId="58" xfId="1" applyFont="1" applyFill="1" applyBorder="1" applyAlignment="1">
      <alignment horizontal="center" vertical="center"/>
    </xf>
    <xf numFmtId="0" fontId="9" fillId="0" borderId="59" xfId="1" applyFont="1" applyFill="1" applyBorder="1" applyAlignment="1">
      <alignment horizontal="center" vertical="center" wrapText="1"/>
    </xf>
    <xf numFmtId="0" fontId="9" fillId="0" borderId="12" xfId="1" applyFont="1" applyFill="1" applyBorder="1" applyAlignment="1">
      <alignment horizontal="center" vertical="center"/>
    </xf>
    <xf numFmtId="0" fontId="9" fillId="0" borderId="106" xfId="1" applyFont="1" applyFill="1" applyBorder="1" applyAlignment="1">
      <alignment horizontal="right" vertical="center"/>
    </xf>
    <xf numFmtId="0" fontId="9" fillId="0" borderId="37" xfId="1" applyFont="1" applyFill="1" applyBorder="1" applyAlignment="1">
      <alignment horizontal="right" vertical="center"/>
    </xf>
    <xf numFmtId="0" fontId="9" fillId="0" borderId="60" xfId="1" applyFont="1" applyFill="1" applyBorder="1" applyAlignment="1">
      <alignment horizontal="right" vertical="center"/>
    </xf>
    <xf numFmtId="0" fontId="9" fillId="0" borderId="61" xfId="1" applyFont="1" applyFill="1" applyBorder="1" applyAlignment="1">
      <alignment horizontal="right" vertical="center" wrapText="1"/>
    </xf>
    <xf numFmtId="0" fontId="9" fillId="0" borderId="15" xfId="1" applyFont="1" applyFill="1" applyBorder="1" applyAlignment="1">
      <alignment horizontal="center" vertical="center"/>
    </xf>
    <xf numFmtId="0" fontId="9" fillId="0" borderId="2" xfId="1" applyFont="1" applyFill="1" applyBorder="1" applyAlignment="1">
      <alignment horizontal="right" vertical="center"/>
    </xf>
    <xf numFmtId="0" fontId="9" fillId="0" borderId="63" xfId="1" applyFont="1" applyFill="1" applyBorder="1" applyAlignment="1">
      <alignment horizontal="right" vertical="center"/>
    </xf>
    <xf numFmtId="0" fontId="9" fillId="0" borderId="64" xfId="1" applyFont="1" applyFill="1" applyBorder="1" applyAlignment="1">
      <alignment horizontal="right" vertical="center" wrapText="1"/>
    </xf>
    <xf numFmtId="0" fontId="9" fillId="0" borderId="18" xfId="1" applyFont="1" applyFill="1" applyBorder="1" applyAlignment="1">
      <alignment horizontal="center" vertical="center"/>
    </xf>
    <xf numFmtId="0" fontId="9" fillId="0" borderId="107" xfId="1" applyFont="1" applyFill="1" applyBorder="1" applyAlignment="1">
      <alignment horizontal="right" vertical="center"/>
    </xf>
    <xf numFmtId="0" fontId="9" fillId="0" borderId="105" xfId="1" applyFont="1" applyFill="1" applyBorder="1" applyAlignment="1">
      <alignment horizontal="right" vertical="center"/>
    </xf>
    <xf numFmtId="0" fontId="9" fillId="0" borderId="65" xfId="1" applyFont="1" applyFill="1" applyBorder="1" applyAlignment="1">
      <alignment horizontal="right" vertical="center"/>
    </xf>
    <xf numFmtId="0" fontId="9" fillId="0" borderId="66" xfId="1" applyFont="1" applyFill="1" applyBorder="1" applyAlignment="1">
      <alignment horizontal="right" vertical="center" wrapText="1"/>
    </xf>
    <xf numFmtId="0" fontId="9" fillId="0" borderId="21" xfId="1" applyFont="1" applyFill="1" applyBorder="1" applyAlignment="1">
      <alignment horizontal="center" vertical="center"/>
    </xf>
    <xf numFmtId="0" fontId="9" fillId="0" borderId="96" xfId="1" applyFont="1" applyFill="1" applyBorder="1" applyAlignment="1">
      <alignment horizontal="right" vertical="center"/>
    </xf>
    <xf numFmtId="0" fontId="9" fillId="0" borderId="139" xfId="1" applyFont="1" applyFill="1" applyBorder="1" applyAlignment="1">
      <alignment horizontal="right" vertical="center"/>
    </xf>
    <xf numFmtId="0" fontId="9" fillId="0" borderId="140" xfId="1" applyFont="1" applyFill="1" applyBorder="1" applyAlignment="1">
      <alignment horizontal="right" vertical="center"/>
    </xf>
    <xf numFmtId="0" fontId="9" fillId="0" borderId="0" xfId="1" applyFont="1" applyFill="1" applyAlignment="1">
      <alignment horizontal="right" vertical="center"/>
    </xf>
    <xf numFmtId="0" fontId="9" fillId="0" borderId="1" xfId="1" applyFont="1" applyFill="1" applyBorder="1" applyAlignment="1">
      <alignment horizontal="right" vertical="center"/>
    </xf>
    <xf numFmtId="0" fontId="9" fillId="0" borderId="46" xfId="1" applyFont="1" applyFill="1" applyBorder="1" applyAlignment="1">
      <alignment horizontal="right" vertical="center"/>
    </xf>
    <xf numFmtId="0" fontId="9" fillId="0" borderId="64" xfId="1" applyFont="1" applyFill="1" applyBorder="1" applyAlignment="1">
      <alignment horizontal="right" vertical="center"/>
    </xf>
    <xf numFmtId="0" fontId="9" fillId="0" borderId="8" xfId="1" applyFont="1" applyFill="1" applyBorder="1" applyAlignment="1">
      <alignment horizontal="right" vertical="center"/>
    </xf>
    <xf numFmtId="0" fontId="9" fillId="0" borderId="30" xfId="1" applyFont="1" applyFill="1" applyBorder="1" applyAlignment="1">
      <alignment horizontal="right" vertical="center"/>
    </xf>
    <xf numFmtId="0" fontId="9" fillId="0" borderId="66" xfId="1" applyFont="1" applyFill="1" applyBorder="1" applyAlignment="1">
      <alignment horizontal="right" vertical="center"/>
    </xf>
    <xf numFmtId="0" fontId="9" fillId="0" borderId="95" xfId="1" applyFont="1" applyFill="1" applyBorder="1" applyAlignment="1">
      <alignment horizontal="right" vertical="center"/>
    </xf>
    <xf numFmtId="0" fontId="9" fillId="0" borderId="138" xfId="1" applyFont="1" applyFill="1" applyBorder="1" applyAlignment="1">
      <alignment horizontal="right" vertical="center"/>
    </xf>
    <xf numFmtId="0" fontId="9" fillId="0" borderId="98" xfId="1" applyFont="1" applyFill="1" applyBorder="1" applyAlignment="1">
      <alignment horizontal="right" vertical="center"/>
    </xf>
    <xf numFmtId="0" fontId="8" fillId="0" borderId="0" xfId="1" applyFont="1" applyFill="1" applyAlignment="1">
      <alignment horizontal="left" vertical="center"/>
    </xf>
    <xf numFmtId="0" fontId="9" fillId="0" borderId="47" xfId="1" applyFont="1" applyFill="1" applyBorder="1" applyAlignment="1">
      <alignment horizontal="center" vertical="center"/>
    </xf>
    <xf numFmtId="0" fontId="12" fillId="0" borderId="50" xfId="8" applyFont="1" applyFill="1" applyBorder="1" applyAlignment="1">
      <alignment horizontal="center" vertical="center" wrapText="1"/>
    </xf>
    <xf numFmtId="0" fontId="16" fillId="0" borderId="10" xfId="8" applyFont="1" applyFill="1" applyBorder="1" applyAlignment="1">
      <alignment horizontal="center" vertical="center" wrapText="1"/>
    </xf>
    <xf numFmtId="0" fontId="12" fillId="0" borderId="9" xfId="1" applyFont="1" applyFill="1" applyBorder="1" applyAlignment="1">
      <alignment horizontal="center" vertical="center" wrapText="1"/>
    </xf>
    <xf numFmtId="0" fontId="12" fillId="0" borderId="59" xfId="1" applyFont="1" applyFill="1" applyBorder="1" applyAlignment="1">
      <alignment horizontal="center" vertical="center" wrapText="1"/>
    </xf>
    <xf numFmtId="0" fontId="16" fillId="0" borderId="0" xfId="8" applyFont="1" applyFill="1" applyAlignment="1">
      <alignment horizontal="center" vertical="center" wrapText="1"/>
    </xf>
    <xf numFmtId="0" fontId="9" fillId="0" borderId="11" xfId="0" applyFont="1" applyFill="1" applyBorder="1" applyAlignment="1">
      <alignment horizontal="center" vertical="center"/>
    </xf>
    <xf numFmtId="0" fontId="9" fillId="0" borderId="75" xfId="1" applyFont="1" applyFill="1" applyBorder="1" applyAlignment="1">
      <alignment horizontal="center" vertical="center"/>
    </xf>
    <xf numFmtId="0" fontId="9" fillId="0" borderId="12" xfId="1" applyFont="1" applyFill="1" applyBorder="1" applyAlignment="1">
      <alignment horizontal="right" vertical="center"/>
    </xf>
    <xf numFmtId="0" fontId="9" fillId="0" borderId="4" xfId="1" applyFont="1" applyFill="1" applyBorder="1">
      <alignment vertical="center"/>
    </xf>
    <xf numFmtId="0" fontId="9" fillId="0" borderId="12" xfId="1" applyFont="1" applyFill="1" applyBorder="1" applyAlignment="1">
      <alignment vertical="center" wrapText="1"/>
    </xf>
    <xf numFmtId="0" fontId="9" fillId="0" borderId="31" xfId="1" applyFont="1" applyFill="1" applyBorder="1" applyAlignment="1">
      <alignment vertical="center" wrapText="1"/>
    </xf>
    <xf numFmtId="0" fontId="9" fillId="0" borderId="4" xfId="0" applyFont="1" applyFill="1" applyBorder="1" applyAlignment="1">
      <alignment horizontal="left" vertical="center"/>
    </xf>
    <xf numFmtId="0" fontId="9" fillId="0" borderId="44" xfId="0" applyFont="1" applyFill="1" applyBorder="1" applyAlignment="1">
      <alignment horizontal="left" vertical="center"/>
    </xf>
    <xf numFmtId="0" fontId="9" fillId="0" borderId="14" xfId="0" applyFont="1" applyFill="1" applyBorder="1">
      <alignment vertical="center"/>
    </xf>
    <xf numFmtId="0" fontId="9" fillId="0" borderId="52" xfId="1" applyFont="1" applyFill="1" applyBorder="1" applyAlignment="1">
      <alignment horizontal="center" vertical="center"/>
    </xf>
    <xf numFmtId="0" fontId="9" fillId="0" borderId="15" xfId="1" applyFont="1" applyFill="1" applyBorder="1" applyAlignment="1">
      <alignment horizontal="right" vertical="center"/>
    </xf>
    <xf numFmtId="0" fontId="9" fillId="0" borderId="3" xfId="1" applyFont="1" applyFill="1" applyBorder="1">
      <alignment vertical="center"/>
    </xf>
    <xf numFmtId="0" fontId="9" fillId="0" borderId="15" xfId="1" applyFont="1" applyFill="1" applyBorder="1" applyAlignment="1">
      <alignment vertical="center" wrapText="1"/>
    </xf>
    <xf numFmtId="0" fontId="9" fillId="0" borderId="16" xfId="1" applyFont="1" applyFill="1" applyBorder="1" applyAlignment="1">
      <alignment vertical="center" wrapText="1"/>
    </xf>
    <xf numFmtId="0" fontId="9" fillId="0" borderId="3" xfId="0" applyFont="1" applyFill="1" applyBorder="1" applyAlignment="1">
      <alignment horizontal="left" vertical="center"/>
    </xf>
    <xf numFmtId="0" fontId="9" fillId="0" borderId="79" xfId="0" applyFont="1" applyFill="1" applyBorder="1" applyAlignment="1">
      <alignment horizontal="left" vertical="center"/>
    </xf>
    <xf numFmtId="0" fontId="9" fillId="0" borderId="17" xfId="0" applyFont="1" applyFill="1" applyBorder="1">
      <alignment vertical="center"/>
    </xf>
    <xf numFmtId="0" fontId="9" fillId="0" borderId="53" xfId="1" applyFont="1" applyFill="1" applyBorder="1" applyAlignment="1">
      <alignment horizontal="center" vertical="center"/>
    </xf>
    <xf numFmtId="0" fontId="9" fillId="0" borderId="91" xfId="1" applyFont="1" applyFill="1" applyBorder="1" applyAlignment="1">
      <alignment horizontal="right" vertical="center"/>
    </xf>
    <xf numFmtId="0" fontId="9" fillId="0" borderId="30" xfId="1" applyFont="1" applyFill="1" applyBorder="1">
      <alignment vertical="center"/>
    </xf>
    <xf numFmtId="0" fontId="9" fillId="0" borderId="18" xfId="1" applyFont="1" applyFill="1" applyBorder="1" applyAlignment="1">
      <alignment vertical="center" wrapText="1"/>
    </xf>
    <xf numFmtId="0" fontId="9" fillId="0" borderId="19" xfId="1" applyFont="1" applyFill="1" applyBorder="1" applyAlignment="1">
      <alignment vertical="center" wrapText="1"/>
    </xf>
    <xf numFmtId="0" fontId="9" fillId="0" borderId="73" xfId="1" applyFont="1" applyFill="1" applyBorder="1" applyAlignment="1">
      <alignment horizontal="center" vertical="center"/>
    </xf>
    <xf numFmtId="0" fontId="9" fillId="0" borderId="69" xfId="1" applyFont="1" applyFill="1" applyBorder="1">
      <alignment vertical="center"/>
    </xf>
    <xf numFmtId="0" fontId="9" fillId="0" borderId="21" xfId="1" applyFont="1" applyFill="1" applyBorder="1">
      <alignment vertical="center"/>
    </xf>
    <xf numFmtId="0" fontId="9" fillId="0" borderId="22" xfId="1" applyFont="1" applyFill="1" applyBorder="1">
      <alignment vertical="center"/>
    </xf>
    <xf numFmtId="0" fontId="9" fillId="0" borderId="0" xfId="1" applyFont="1" applyFill="1">
      <alignment vertical="center"/>
    </xf>
    <xf numFmtId="0" fontId="9" fillId="0" borderId="91" xfId="0" applyFont="1" applyFill="1" applyBorder="1" applyAlignment="1">
      <alignment horizontal="center" vertical="center" wrapText="1" shrinkToFit="1"/>
    </xf>
    <xf numFmtId="0" fontId="9" fillId="0" borderId="6" xfId="0" applyFont="1" applyFill="1" applyBorder="1" applyAlignment="1">
      <alignment horizontal="left" vertical="center"/>
    </xf>
    <xf numFmtId="0" fontId="9" fillId="0" borderId="45" xfId="0" applyFont="1" applyFill="1" applyBorder="1" applyAlignment="1">
      <alignment horizontal="left" vertical="center" wrapText="1" shrinkToFit="1"/>
    </xf>
    <xf numFmtId="0" fontId="12" fillId="0" borderId="10" xfId="1" applyFont="1" applyFill="1" applyBorder="1" applyAlignment="1">
      <alignment horizontal="center" vertical="center" wrapText="1"/>
    </xf>
    <xf numFmtId="0" fontId="9" fillId="0" borderId="51" xfId="1" applyFont="1" applyFill="1" applyBorder="1" applyAlignment="1">
      <alignment horizontal="center" vertical="center"/>
    </xf>
    <xf numFmtId="0" fontId="9" fillId="0" borderId="4" xfId="1" applyFont="1" applyFill="1" applyBorder="1" applyAlignment="1">
      <alignment horizontal="right" vertical="center"/>
    </xf>
    <xf numFmtId="0" fontId="9" fillId="0" borderId="12" xfId="1" applyFont="1" applyFill="1" applyBorder="1" applyAlignment="1">
      <alignment horizontal="right" vertical="center" wrapText="1"/>
    </xf>
    <xf numFmtId="0" fontId="9" fillId="0" borderId="13" xfId="1" applyFont="1" applyFill="1" applyBorder="1" applyAlignment="1">
      <alignment horizontal="right" vertical="center" wrapText="1"/>
    </xf>
    <xf numFmtId="0" fontId="9" fillId="0" borderId="3" xfId="1" applyFont="1" applyFill="1" applyBorder="1" applyAlignment="1">
      <alignment horizontal="right" vertical="center"/>
    </xf>
    <xf numFmtId="0" fontId="9" fillId="0" borderId="15" xfId="1" applyFont="1" applyFill="1" applyBorder="1" applyAlignment="1">
      <alignment horizontal="right" vertical="center" wrapText="1"/>
    </xf>
    <xf numFmtId="0" fontId="9" fillId="0" borderId="16" xfId="1" applyFont="1" applyFill="1" applyBorder="1" applyAlignment="1">
      <alignment horizontal="right" vertical="center" wrapText="1"/>
    </xf>
    <xf numFmtId="0" fontId="9" fillId="0" borderId="18" xfId="1" applyFont="1" applyFill="1" applyBorder="1" applyAlignment="1">
      <alignment horizontal="right" vertical="center"/>
    </xf>
    <xf numFmtId="0" fontId="9" fillId="0" borderId="18" xfId="1" applyFont="1" applyFill="1" applyBorder="1" applyAlignment="1">
      <alignment horizontal="right" vertical="center" wrapText="1"/>
    </xf>
    <xf numFmtId="0" fontId="9" fillId="0" borderId="19" xfId="1" applyFont="1" applyFill="1" applyBorder="1" applyAlignment="1">
      <alignment horizontal="right" vertical="center" wrapText="1"/>
    </xf>
    <xf numFmtId="0" fontId="9" fillId="0" borderId="56" xfId="1" applyFont="1" applyFill="1" applyBorder="1" applyAlignment="1">
      <alignment horizontal="center" vertical="center"/>
    </xf>
    <xf numFmtId="0" fontId="9" fillId="0" borderId="32" xfId="1" applyFont="1" applyFill="1" applyBorder="1" applyAlignment="1">
      <alignment horizontal="right" vertical="center"/>
    </xf>
    <xf numFmtId="0" fontId="9" fillId="0" borderId="34" xfId="1" applyFont="1" applyFill="1" applyBorder="1" applyAlignment="1">
      <alignment horizontal="right" vertical="center"/>
    </xf>
    <xf numFmtId="0" fontId="9" fillId="0" borderId="21" xfId="1" applyFont="1" applyFill="1" applyBorder="1" applyAlignment="1">
      <alignment horizontal="right" vertical="center"/>
    </xf>
    <xf numFmtId="0" fontId="9" fillId="0" borderId="35" xfId="1" applyFont="1" applyFill="1" applyBorder="1" applyAlignment="1">
      <alignment horizontal="right" vertical="center"/>
    </xf>
    <xf numFmtId="0" fontId="9" fillId="0" borderId="55" xfId="0" applyFont="1" applyFill="1" applyBorder="1" applyAlignment="1">
      <alignment horizontal="left" vertical="center"/>
    </xf>
    <xf numFmtId="0" fontId="9" fillId="0" borderId="76" xfId="0" applyFont="1" applyFill="1" applyBorder="1" applyAlignment="1">
      <alignment horizontal="left" vertical="center"/>
    </xf>
    <xf numFmtId="0" fontId="9" fillId="0" borderId="20" xfId="0" applyFont="1" applyFill="1" applyBorder="1">
      <alignment vertical="center"/>
    </xf>
    <xf numFmtId="0" fontId="9" fillId="0" borderId="73" xfId="0" applyFont="1" applyFill="1" applyBorder="1">
      <alignment vertical="center"/>
    </xf>
    <xf numFmtId="0" fontId="9" fillId="0" borderId="77" xfId="0" applyFont="1" applyFill="1" applyBorder="1">
      <alignment vertical="center"/>
    </xf>
    <xf numFmtId="0" fontId="9" fillId="0" borderId="74" xfId="0" applyFont="1" applyFill="1" applyBorder="1" applyAlignment="1">
      <alignment horizontal="right" vertical="center"/>
    </xf>
    <xf numFmtId="0" fontId="15" fillId="0" borderId="10" xfId="1" applyFont="1" applyFill="1" applyBorder="1" applyAlignment="1">
      <alignment horizontal="center" vertical="center" wrapText="1"/>
    </xf>
    <xf numFmtId="0" fontId="9" fillId="0" borderId="13" xfId="1" applyFont="1" applyFill="1" applyBorder="1" applyAlignment="1">
      <alignment horizontal="right" vertical="center"/>
    </xf>
    <xf numFmtId="0" fontId="9" fillId="0" borderId="16" xfId="1" applyFont="1" applyFill="1" applyBorder="1" applyAlignment="1">
      <alignment horizontal="right" vertical="center"/>
    </xf>
    <xf numFmtId="0" fontId="9" fillId="0" borderId="81" xfId="0" applyFont="1" applyFill="1" applyBorder="1">
      <alignment vertical="center"/>
    </xf>
    <xf numFmtId="0" fontId="9" fillId="0" borderId="80" xfId="0" applyFont="1" applyFill="1" applyBorder="1">
      <alignment vertical="center"/>
    </xf>
    <xf numFmtId="0" fontId="9" fillId="0" borderId="93" xfId="0" applyFont="1" applyFill="1" applyBorder="1" applyAlignment="1">
      <alignment horizontal="right" vertical="center"/>
    </xf>
    <xf numFmtId="0" fontId="9" fillId="0" borderId="19" xfId="1" applyFont="1" applyFill="1" applyBorder="1" applyAlignment="1">
      <alignment horizontal="right" vertical="center"/>
    </xf>
    <xf numFmtId="0" fontId="9" fillId="0" borderId="118" xfId="1" applyFont="1" applyFill="1" applyBorder="1" applyAlignment="1">
      <alignment horizontal="left" vertical="center"/>
    </xf>
    <xf numFmtId="0" fontId="9" fillId="0" borderId="118" xfId="1" applyFont="1" applyFill="1" applyBorder="1" applyAlignment="1">
      <alignment horizontal="right" vertical="center"/>
    </xf>
    <xf numFmtId="38" fontId="9" fillId="0" borderId="127" xfId="1" applyNumberFormat="1" applyFont="1" applyFill="1" applyBorder="1" applyAlignment="1">
      <alignment horizontal="right" vertical="center"/>
    </xf>
    <xf numFmtId="0" fontId="9" fillId="0" borderId="22" xfId="1" applyFont="1" applyFill="1" applyBorder="1" applyAlignment="1">
      <alignment horizontal="right" vertical="center"/>
    </xf>
    <xf numFmtId="0" fontId="9" fillId="0" borderId="11" xfId="0" applyFont="1" applyFill="1" applyBorder="1" applyAlignment="1">
      <alignment horizontal="center" vertical="center" wrapText="1"/>
    </xf>
    <xf numFmtId="0" fontId="9" fillId="0" borderId="14" xfId="0" applyFont="1" applyFill="1" applyBorder="1" applyAlignment="1">
      <alignment horizontal="right" vertical="center"/>
    </xf>
    <xf numFmtId="0" fontId="9" fillId="0" borderId="20" xfId="0" applyFont="1" applyFill="1" applyBorder="1" applyAlignment="1">
      <alignment horizontal="right" vertical="center"/>
    </xf>
    <xf numFmtId="0" fontId="9" fillId="0" borderId="24" xfId="0" applyFont="1" applyFill="1" applyBorder="1" applyAlignment="1">
      <alignment horizontal="right" vertical="center"/>
    </xf>
    <xf numFmtId="0" fontId="15" fillId="0" borderId="0" xfId="0" applyFont="1" applyFill="1">
      <alignment vertical="center"/>
    </xf>
    <xf numFmtId="0" fontId="9" fillId="0" borderId="42" xfId="0" applyFont="1" applyFill="1" applyBorder="1" applyAlignment="1">
      <alignment horizontal="center" vertical="center" wrapText="1"/>
    </xf>
    <xf numFmtId="38" fontId="9" fillId="0" borderId="7" xfId="2" applyFont="1" applyFill="1" applyBorder="1">
      <alignment vertical="center"/>
    </xf>
    <xf numFmtId="38" fontId="9" fillId="0" borderId="8" xfId="2" applyFont="1" applyFill="1" applyBorder="1">
      <alignment vertical="center"/>
    </xf>
    <xf numFmtId="38" fontId="9" fillId="0" borderId="42" xfId="2" applyFont="1" applyFill="1" applyBorder="1">
      <alignment vertical="center"/>
    </xf>
    <xf numFmtId="0" fontId="9" fillId="0" borderId="75" xfId="0" applyFont="1" applyFill="1" applyBorder="1" applyAlignment="1">
      <alignment horizontal="center" vertical="center"/>
    </xf>
    <xf numFmtId="0" fontId="9" fillId="0" borderId="0" xfId="0" applyFont="1" applyFill="1">
      <alignment vertical="center"/>
    </xf>
    <xf numFmtId="176" fontId="9" fillId="0" borderId="16" xfId="3" applyNumberFormat="1" applyFont="1" applyFill="1" applyBorder="1" applyAlignment="1">
      <alignment horizontal="center" vertical="center"/>
    </xf>
    <xf numFmtId="176" fontId="9" fillId="0" borderId="13" xfId="3" applyNumberFormat="1" applyFont="1" applyFill="1" applyBorder="1" applyAlignment="1">
      <alignment horizontal="center" vertical="center"/>
    </xf>
    <xf numFmtId="176" fontId="9" fillId="0" borderId="19" xfId="3" applyNumberFormat="1" applyFont="1" applyFill="1" applyBorder="1" applyAlignment="1">
      <alignment horizontal="center" vertical="center"/>
    </xf>
    <xf numFmtId="2" fontId="9" fillId="0" borderId="13" xfId="2" applyNumberFormat="1" applyFont="1" applyFill="1" applyBorder="1" applyAlignment="1">
      <alignment horizontal="right" vertical="center"/>
    </xf>
    <xf numFmtId="2" fontId="9" fillId="0" borderId="133" xfId="2" applyNumberFormat="1" applyFont="1" applyFill="1" applyBorder="1" applyAlignment="1">
      <alignment horizontal="right" vertical="center"/>
    </xf>
    <xf numFmtId="2" fontId="9" fillId="0" borderId="35" xfId="2" applyNumberFormat="1" applyFont="1" applyFill="1" applyBorder="1" applyAlignment="1">
      <alignment horizontal="right" vertical="center"/>
    </xf>
    <xf numFmtId="38" fontId="9" fillId="0" borderId="14" xfId="2" applyFont="1" applyFill="1" applyBorder="1" applyAlignment="1">
      <alignment horizontal="right" vertical="center"/>
    </xf>
    <xf numFmtId="38" fontId="9" fillId="0" borderId="31" xfId="2" applyFont="1" applyFill="1" applyBorder="1" applyAlignment="1">
      <alignment horizontal="right" vertical="center"/>
    </xf>
    <xf numFmtId="38" fontId="9" fillId="0" borderId="20" xfId="2" applyFont="1" applyFill="1" applyBorder="1" applyAlignment="1">
      <alignment horizontal="right" vertical="center"/>
    </xf>
    <xf numFmtId="38" fontId="9" fillId="0" borderId="19" xfId="2" applyFont="1" applyFill="1" applyBorder="1" applyAlignment="1">
      <alignment horizontal="right" vertical="center"/>
    </xf>
    <xf numFmtId="38" fontId="9" fillId="0" borderId="35" xfId="2" applyFont="1" applyFill="1" applyBorder="1" applyAlignment="1">
      <alignment horizontal="right" vertical="center"/>
    </xf>
    <xf numFmtId="178" fontId="9" fillId="0" borderId="46" xfId="2" applyNumberFormat="1" applyFont="1" applyFill="1" applyBorder="1" applyAlignment="1">
      <alignment horizontal="right" vertical="center"/>
    </xf>
    <xf numFmtId="178" fontId="9" fillId="0" borderId="2" xfId="2" applyNumberFormat="1" applyFont="1" applyFill="1" applyBorder="1" applyAlignment="1">
      <alignment horizontal="right" vertical="center"/>
    </xf>
    <xf numFmtId="178" fontId="9" fillId="0" borderId="8" xfId="2" applyNumberFormat="1" applyFont="1" applyFill="1" applyBorder="1" applyAlignment="1">
      <alignment horizontal="right" vertical="center"/>
    </xf>
    <xf numFmtId="0" fontId="19" fillId="0" borderId="15" xfId="0" applyFont="1" applyFill="1" applyBorder="1" applyAlignment="1">
      <alignment horizontal="center" vertical="center"/>
    </xf>
    <xf numFmtId="0" fontId="19" fillId="0" borderId="52" xfId="0" applyFont="1" applyFill="1" applyBorder="1" applyAlignment="1">
      <alignment horizontal="center" vertical="center"/>
    </xf>
    <xf numFmtId="0" fontId="19" fillId="0" borderId="0" xfId="0" applyFont="1" applyFill="1" applyAlignment="1">
      <alignment horizontal="center" vertical="center"/>
    </xf>
    <xf numFmtId="178" fontId="9" fillId="0" borderId="30" xfId="2" applyNumberFormat="1" applyFont="1" applyFill="1" applyBorder="1" applyAlignment="1">
      <alignment horizontal="center" vertical="center" wrapText="1"/>
    </xf>
    <xf numFmtId="0" fontId="9" fillId="0" borderId="15" xfId="0" applyFont="1" applyFill="1" applyBorder="1" applyAlignment="1">
      <alignment horizontal="center" vertical="center"/>
    </xf>
    <xf numFmtId="0" fontId="9" fillId="0" borderId="0" xfId="0" applyFont="1" applyFill="1" applyAlignment="1">
      <alignment horizontal="center" vertical="center"/>
    </xf>
    <xf numFmtId="0" fontId="9" fillId="0" borderId="70" xfId="6" applyFont="1" applyFill="1" applyBorder="1" applyAlignment="1">
      <alignment horizontal="center" vertical="center"/>
    </xf>
    <xf numFmtId="0" fontId="9" fillId="0" borderId="78" xfId="6" applyFont="1" applyFill="1" applyBorder="1" applyAlignment="1">
      <alignment horizontal="center" vertical="center"/>
    </xf>
    <xf numFmtId="0" fontId="9" fillId="0" borderId="52" xfId="6" applyFont="1" applyFill="1" applyBorder="1" applyAlignment="1">
      <alignment horizontal="center" vertical="center"/>
    </xf>
    <xf numFmtId="0" fontId="9" fillId="0" borderId="53" xfId="6" applyFont="1" applyFill="1" applyBorder="1" applyAlignment="1">
      <alignment horizontal="center" vertical="center"/>
    </xf>
    <xf numFmtId="0" fontId="9" fillId="0" borderId="56" xfId="6" applyFont="1" applyFill="1" applyBorder="1" applyAlignment="1">
      <alignment horizontal="center" vertical="center"/>
    </xf>
    <xf numFmtId="0" fontId="9" fillId="0" borderId="51" xfId="0" applyFont="1" applyFill="1" applyBorder="1" applyAlignment="1">
      <alignment horizontal="center" vertical="center"/>
    </xf>
    <xf numFmtId="0" fontId="9" fillId="0" borderId="52" xfId="0" applyFont="1" applyFill="1" applyBorder="1" applyAlignment="1">
      <alignment horizontal="center" vertical="center"/>
    </xf>
    <xf numFmtId="0" fontId="9" fillId="0" borderId="53" xfId="0" applyFont="1" applyFill="1" applyBorder="1" applyAlignment="1">
      <alignment horizontal="center" vertical="center"/>
    </xf>
    <xf numFmtId="0" fontId="9" fillId="0" borderId="56" xfId="0" applyFont="1" applyFill="1" applyBorder="1" applyAlignment="1">
      <alignment horizontal="center" vertical="center"/>
    </xf>
    <xf numFmtId="0" fontId="17" fillId="0" borderId="0" xfId="0" applyFont="1" applyFill="1" applyAlignment="1">
      <alignment horizontal="center" vertical="center"/>
    </xf>
    <xf numFmtId="0" fontId="9" fillId="0" borderId="9" xfId="0" applyFont="1" applyFill="1" applyBorder="1" applyAlignment="1">
      <alignment horizontal="center" vertical="center"/>
    </xf>
    <xf numFmtId="0" fontId="9" fillId="0" borderId="10" xfId="0" applyFont="1" applyFill="1" applyBorder="1" applyAlignment="1">
      <alignment horizontal="center" vertical="center"/>
    </xf>
    <xf numFmtId="0" fontId="9" fillId="0" borderId="12" xfId="0" applyFont="1" applyFill="1" applyBorder="1" applyAlignment="1">
      <alignment horizontal="center" vertical="center"/>
    </xf>
    <xf numFmtId="0" fontId="9" fillId="0" borderId="47" xfId="0" applyFont="1" applyFill="1" applyBorder="1" applyAlignment="1">
      <alignment horizontal="center" vertical="center"/>
    </xf>
    <xf numFmtId="0" fontId="9" fillId="0" borderId="57" xfId="0" applyFont="1" applyFill="1" applyBorder="1" applyAlignment="1">
      <alignment horizontal="center" vertical="center"/>
    </xf>
    <xf numFmtId="176" fontId="9" fillId="0" borderId="82" xfId="3" applyNumberFormat="1" applyFont="1" applyFill="1" applyBorder="1" applyAlignment="1">
      <alignment horizontal="right" vertical="center"/>
    </xf>
    <xf numFmtId="176" fontId="9" fillId="0" borderId="22" xfId="3" applyNumberFormat="1" applyFont="1" applyFill="1" applyBorder="1" applyAlignment="1">
      <alignment horizontal="right" vertical="center"/>
    </xf>
    <xf numFmtId="0" fontId="9" fillId="0" borderId="101" xfId="0" applyFont="1" applyFill="1" applyBorder="1" applyAlignment="1">
      <alignment horizontal="left" vertical="center"/>
    </xf>
    <xf numFmtId="0" fontId="9" fillId="0" borderId="97" xfId="0" applyFont="1" applyFill="1" applyBorder="1" applyAlignment="1">
      <alignment horizontal="left" vertical="center"/>
    </xf>
    <xf numFmtId="0" fontId="9" fillId="0" borderId="102" xfId="0" applyFont="1" applyFill="1" applyBorder="1" applyAlignment="1">
      <alignment horizontal="left" vertical="center"/>
    </xf>
    <xf numFmtId="176" fontId="9" fillId="0" borderId="101" xfId="3" applyNumberFormat="1" applyFont="1" applyFill="1" applyBorder="1" applyAlignment="1">
      <alignment horizontal="left" vertical="center"/>
    </xf>
    <xf numFmtId="176" fontId="9" fillId="0" borderId="97" xfId="3" applyNumberFormat="1" applyFont="1" applyFill="1" applyBorder="1" applyAlignment="1">
      <alignment horizontal="left" vertical="center"/>
    </xf>
    <xf numFmtId="176" fontId="9" fillId="0" borderId="102" xfId="3" applyNumberFormat="1" applyFont="1" applyFill="1" applyBorder="1" applyAlignment="1">
      <alignment horizontal="left" vertical="center"/>
    </xf>
    <xf numFmtId="0" fontId="9" fillId="0" borderId="70" xfId="0" applyFont="1" applyFill="1" applyBorder="1" applyAlignment="1">
      <alignment horizontal="left" vertical="center"/>
    </xf>
    <xf numFmtId="0" fontId="9" fillId="0" borderId="0" xfId="0" applyFont="1" applyFill="1" applyBorder="1" applyAlignment="1">
      <alignment horizontal="left" vertical="center"/>
    </xf>
    <xf numFmtId="0" fontId="9" fillId="0" borderId="94" xfId="0" applyFont="1" applyFill="1" applyBorder="1" applyAlignment="1">
      <alignment horizontal="left" vertical="center"/>
    </xf>
    <xf numFmtId="176" fontId="9" fillId="0" borderId="70" xfId="3" applyNumberFormat="1" applyFont="1" applyFill="1" applyBorder="1" applyAlignment="1">
      <alignment horizontal="left" vertical="center"/>
    </xf>
    <xf numFmtId="176" fontId="9" fillId="0" borderId="94" xfId="3" applyNumberFormat="1" applyFont="1" applyFill="1" applyBorder="1" applyAlignment="1">
      <alignment horizontal="left" vertical="center"/>
    </xf>
    <xf numFmtId="0" fontId="9" fillId="0" borderId="56" xfId="0" applyFont="1" applyFill="1" applyBorder="1" applyAlignment="1">
      <alignment horizontal="left" vertical="center"/>
    </xf>
    <xf numFmtId="0" fontId="9" fillId="0" borderId="118" xfId="0" applyFont="1" applyFill="1" applyBorder="1" applyAlignment="1">
      <alignment horizontal="left" vertical="center"/>
    </xf>
    <xf numFmtId="0" fontId="9" fillId="0" borderId="98" xfId="0" applyFont="1" applyFill="1" applyBorder="1" applyAlignment="1">
      <alignment horizontal="left" vertical="center"/>
    </xf>
    <xf numFmtId="176" fontId="9" fillId="0" borderId="56" xfId="3" applyNumberFormat="1" applyFont="1" applyFill="1" applyBorder="1" applyAlignment="1">
      <alignment horizontal="left" vertical="center"/>
    </xf>
    <xf numFmtId="176" fontId="9" fillId="0" borderId="118" xfId="3" applyNumberFormat="1" applyFont="1" applyFill="1" applyBorder="1" applyAlignment="1">
      <alignment horizontal="left" vertical="center"/>
    </xf>
    <xf numFmtId="176" fontId="9" fillId="0" borderId="98" xfId="3" applyNumberFormat="1" applyFont="1" applyFill="1" applyBorder="1" applyAlignment="1">
      <alignment horizontal="left" vertical="center"/>
    </xf>
    <xf numFmtId="38" fontId="9" fillId="0" borderId="69" xfId="2" applyFont="1" applyFill="1" applyBorder="1" applyAlignment="1">
      <alignment horizontal="right" vertical="center"/>
    </xf>
    <xf numFmtId="0" fontId="9" fillId="0" borderId="0" xfId="0" applyFont="1" applyFill="1" applyAlignment="1">
      <alignment horizontal="center" vertical="center"/>
    </xf>
    <xf numFmtId="176" fontId="9" fillId="0" borderId="16" xfId="0" applyNumberFormat="1" applyFont="1" applyFill="1" applyBorder="1" applyAlignment="1">
      <alignment horizontal="center" vertical="center"/>
    </xf>
    <xf numFmtId="176" fontId="9" fillId="0" borderId="13" xfId="0" applyNumberFormat="1" applyFont="1" applyFill="1" applyBorder="1" applyAlignment="1">
      <alignment horizontal="center" vertical="center"/>
    </xf>
    <xf numFmtId="176" fontId="9" fillId="0" borderId="35" xfId="0" applyNumberFormat="1" applyFont="1" applyFill="1" applyBorder="1" applyAlignment="1">
      <alignment horizontal="center" vertical="center"/>
    </xf>
    <xf numFmtId="0" fontId="9" fillId="0" borderId="0" xfId="0" applyFont="1" applyFill="1" applyAlignment="1">
      <alignment horizontal="center" vertical="center"/>
    </xf>
    <xf numFmtId="0" fontId="19" fillId="0" borderId="15" xfId="0" applyFont="1" applyFill="1" applyBorder="1" applyAlignment="1">
      <alignment horizontal="center" vertical="center"/>
    </xf>
    <xf numFmtId="0" fontId="19" fillId="0" borderId="2" xfId="0" applyFont="1" applyFill="1" applyBorder="1" applyAlignment="1">
      <alignment horizontal="center" vertical="center"/>
    </xf>
    <xf numFmtId="0" fontId="19" fillId="0" borderId="3" xfId="0" applyFont="1" applyFill="1" applyBorder="1" applyAlignment="1">
      <alignment horizontal="center" vertical="center"/>
    </xf>
    <xf numFmtId="0" fontId="19" fillId="0" borderId="52" xfId="0" applyFont="1" applyFill="1" applyBorder="1" applyAlignment="1">
      <alignment horizontal="center" vertical="center"/>
    </xf>
    <xf numFmtId="0" fontId="19" fillId="0" borderId="79" xfId="0" applyFont="1" applyFill="1" applyBorder="1" applyAlignment="1">
      <alignment horizontal="center" vertical="center"/>
    </xf>
    <xf numFmtId="0" fontId="19" fillId="0" borderId="112" xfId="0" applyFont="1" applyFill="1" applyBorder="1" applyAlignment="1">
      <alignment horizontal="center" vertical="center"/>
    </xf>
    <xf numFmtId="0" fontId="19" fillId="0" borderId="113" xfId="0" applyFont="1" applyFill="1" applyBorder="1" applyAlignment="1">
      <alignment horizontal="center" vertical="center"/>
    </xf>
    <xf numFmtId="0" fontId="19" fillId="0" borderId="82" xfId="0" applyFont="1" applyFill="1" applyBorder="1" applyAlignment="1">
      <alignment horizontal="center" vertical="center"/>
    </xf>
    <xf numFmtId="0" fontId="19" fillId="0" borderId="120" xfId="0" applyFont="1" applyFill="1" applyBorder="1" applyAlignment="1">
      <alignment horizontal="center" vertical="center"/>
    </xf>
    <xf numFmtId="0" fontId="18" fillId="0" borderId="0" xfId="0" applyFont="1" applyFill="1" applyAlignment="1">
      <alignment horizontal="center" vertical="center"/>
    </xf>
    <xf numFmtId="0" fontId="19" fillId="0" borderId="0" xfId="0" applyFont="1" applyFill="1" applyAlignment="1">
      <alignment horizontal="center" vertical="center"/>
    </xf>
    <xf numFmtId="0" fontId="19" fillId="0" borderId="38" xfId="0" applyFont="1" applyFill="1" applyBorder="1" applyAlignment="1">
      <alignment horizontal="center" vertical="center"/>
    </xf>
    <xf numFmtId="0" fontId="19" fillId="0" borderId="39" xfId="0" applyFont="1" applyFill="1" applyBorder="1" applyAlignment="1">
      <alignment horizontal="center" vertical="center"/>
    </xf>
    <xf numFmtId="0" fontId="19" fillId="0" borderId="68" xfId="0" applyFont="1" applyFill="1" applyBorder="1" applyAlignment="1">
      <alignment horizontal="center" vertical="center"/>
    </xf>
    <xf numFmtId="0" fontId="19" fillId="0" borderId="0" xfId="0" applyFont="1" applyFill="1" applyAlignment="1">
      <alignment horizontal="left" vertical="center" wrapText="1"/>
    </xf>
    <xf numFmtId="0" fontId="9" fillId="0" borderId="28" xfId="0" applyFont="1" applyFill="1" applyBorder="1" applyAlignment="1">
      <alignment horizontal="center" vertical="center"/>
    </xf>
    <xf numFmtId="0" fontId="9" fillId="0" borderId="29" xfId="0" applyFont="1" applyFill="1" applyBorder="1" applyAlignment="1">
      <alignment horizontal="center" vertical="center"/>
    </xf>
    <xf numFmtId="0" fontId="9" fillId="0" borderId="25" xfId="0" applyFont="1" applyFill="1" applyBorder="1" applyAlignment="1">
      <alignment horizontal="center" vertical="center"/>
    </xf>
    <xf numFmtId="0" fontId="9" fillId="0" borderId="26" xfId="0" applyFont="1" applyFill="1" applyBorder="1" applyAlignment="1">
      <alignment horizontal="center" vertical="center"/>
    </xf>
    <xf numFmtId="0" fontId="9" fillId="0" borderId="27" xfId="0" applyFont="1" applyFill="1" applyBorder="1" applyAlignment="1">
      <alignment horizontal="center" vertical="center"/>
    </xf>
    <xf numFmtId="178" fontId="9" fillId="0" borderId="101" xfId="2" applyNumberFormat="1" applyFont="1" applyFill="1" applyBorder="1" applyAlignment="1">
      <alignment horizontal="center" vertical="center"/>
    </xf>
    <xf numFmtId="178" fontId="9" fillId="0" borderId="103" xfId="2" applyNumberFormat="1" applyFont="1" applyFill="1" applyBorder="1" applyAlignment="1">
      <alignment horizontal="center" vertical="center"/>
    </xf>
    <xf numFmtId="178" fontId="9" fillId="0" borderId="28" xfId="2" applyNumberFormat="1" applyFont="1" applyFill="1" applyBorder="1" applyAlignment="1">
      <alignment horizontal="center" vertical="center"/>
    </xf>
    <xf numFmtId="178" fontId="9" fillId="0" borderId="29" xfId="2" applyNumberFormat="1" applyFont="1" applyFill="1" applyBorder="1" applyAlignment="1">
      <alignment horizontal="center" vertical="center"/>
    </xf>
    <xf numFmtId="178" fontId="9" fillId="0" borderId="38" xfId="2" applyNumberFormat="1" applyFont="1" applyFill="1" applyBorder="1" applyAlignment="1">
      <alignment horizontal="center" vertical="center"/>
    </xf>
    <xf numFmtId="178" fontId="9" fillId="0" borderId="39" xfId="2" applyNumberFormat="1" applyFont="1" applyFill="1" applyBorder="1" applyAlignment="1">
      <alignment horizontal="center" vertical="center"/>
    </xf>
    <xf numFmtId="178" fontId="9" fillId="0" borderId="39" xfId="2" applyNumberFormat="1" applyFont="1" applyFill="1" applyBorder="1" applyAlignment="1">
      <alignment horizontal="center" vertical="center" wrapText="1"/>
    </xf>
    <xf numFmtId="178" fontId="9" fillId="0" borderId="30" xfId="2" applyNumberFormat="1" applyFont="1" applyFill="1" applyBorder="1" applyAlignment="1">
      <alignment horizontal="center" vertical="center" wrapText="1"/>
    </xf>
    <xf numFmtId="178" fontId="17" fillId="0" borderId="68" xfId="2" applyNumberFormat="1" applyFont="1" applyFill="1" applyBorder="1" applyAlignment="1">
      <alignment horizontal="center" vertical="center" wrapText="1"/>
    </xf>
    <xf numFmtId="178" fontId="17" fillId="0" borderId="55" xfId="2" applyNumberFormat="1" applyFont="1" applyFill="1" applyBorder="1" applyAlignment="1">
      <alignment horizontal="center" vertical="center" wrapText="1"/>
    </xf>
    <xf numFmtId="178" fontId="9" fillId="0" borderId="108" xfId="2" applyNumberFormat="1" applyFont="1" applyFill="1" applyBorder="1" applyAlignment="1">
      <alignment horizontal="center" vertical="center"/>
    </xf>
    <xf numFmtId="178" fontId="9" fillId="0" borderId="105" xfId="2" applyNumberFormat="1" applyFont="1" applyFill="1" applyBorder="1" applyAlignment="1">
      <alignment horizontal="center" vertical="center"/>
    </xf>
    <xf numFmtId="40" fontId="17" fillId="0" borderId="123" xfId="2" applyNumberFormat="1" applyFont="1" applyFill="1" applyBorder="1" applyAlignment="1">
      <alignment horizontal="center" vertical="center" wrapText="1"/>
    </xf>
    <xf numFmtId="40" fontId="17" fillId="0" borderId="124" xfId="2" applyNumberFormat="1" applyFont="1" applyFill="1" applyBorder="1" applyAlignment="1">
      <alignment horizontal="center" vertical="center" wrapText="1"/>
    </xf>
    <xf numFmtId="178" fontId="9" fillId="0" borderId="68" xfId="2" applyNumberFormat="1" applyFont="1" applyFill="1" applyBorder="1" applyAlignment="1">
      <alignment horizontal="center" vertical="center"/>
    </xf>
    <xf numFmtId="178" fontId="9" fillId="0" borderId="128" xfId="2" applyNumberFormat="1" applyFont="1" applyFill="1" applyBorder="1" applyAlignment="1">
      <alignment horizontal="center" vertical="center" wrapText="1"/>
    </xf>
    <xf numFmtId="178" fontId="9" fillId="0" borderId="129" xfId="2" applyNumberFormat="1" applyFont="1" applyFill="1" applyBorder="1" applyAlignment="1">
      <alignment horizontal="center" vertical="center"/>
    </xf>
    <xf numFmtId="178" fontId="17" fillId="0" borderId="123" xfId="2" applyNumberFormat="1" applyFont="1" applyFill="1" applyBorder="1" applyAlignment="1">
      <alignment horizontal="center" vertical="center" wrapText="1"/>
    </xf>
    <xf numFmtId="178" fontId="17" fillId="0" borderId="124" xfId="2" applyNumberFormat="1" applyFont="1" applyFill="1" applyBorder="1" applyAlignment="1">
      <alignment horizontal="center" vertical="center"/>
    </xf>
    <xf numFmtId="178" fontId="15" fillId="0" borderId="101" xfId="2" applyNumberFormat="1" applyFont="1" applyFill="1" applyBorder="1" applyAlignment="1">
      <alignment horizontal="center" vertical="center" wrapText="1"/>
    </xf>
    <xf numFmtId="178" fontId="15" fillId="0" borderId="103" xfId="2" applyNumberFormat="1" applyFont="1" applyFill="1" applyBorder="1" applyAlignment="1">
      <alignment horizontal="center" vertical="center"/>
    </xf>
    <xf numFmtId="178" fontId="17" fillId="0" borderId="124" xfId="2" applyNumberFormat="1" applyFont="1" applyFill="1" applyBorder="1" applyAlignment="1">
      <alignment horizontal="center" vertical="center" wrapText="1"/>
    </xf>
    <xf numFmtId="0" fontId="9" fillId="0" borderId="38" xfId="0" applyFont="1" applyFill="1" applyBorder="1" applyAlignment="1">
      <alignment horizontal="center" vertical="center"/>
    </xf>
    <xf numFmtId="0" fontId="9" fillId="0" borderId="39" xfId="0" applyFont="1" applyFill="1" applyBorder="1" applyAlignment="1">
      <alignment horizontal="center" vertical="center"/>
    </xf>
    <xf numFmtId="0" fontId="9" fillId="0" borderId="40" xfId="0" applyFont="1" applyFill="1" applyBorder="1" applyAlignment="1">
      <alignment horizontal="center" vertical="center"/>
    </xf>
    <xf numFmtId="0" fontId="9" fillId="0" borderId="53" xfId="6" applyFont="1" applyFill="1" applyBorder="1" applyAlignment="1">
      <alignment horizontal="center" vertical="center"/>
    </xf>
    <xf numFmtId="0" fontId="9" fillId="0" borderId="66" xfId="6" applyFont="1" applyFill="1" applyBorder="1" applyAlignment="1">
      <alignment horizontal="center" vertical="center"/>
    </xf>
    <xf numFmtId="0" fontId="9" fillId="0" borderId="56" xfId="6" applyFont="1" applyFill="1" applyBorder="1" applyAlignment="1">
      <alignment horizontal="center" vertical="center"/>
    </xf>
    <xf numFmtId="0" fontId="9" fillId="0" borderId="98" xfId="6" applyFont="1" applyFill="1" applyBorder="1" applyAlignment="1">
      <alignment horizontal="center" vertical="center"/>
    </xf>
    <xf numFmtId="0" fontId="9" fillId="0" borderId="52" xfId="6" applyFont="1" applyFill="1" applyBorder="1" applyAlignment="1">
      <alignment horizontal="center" vertical="center"/>
    </xf>
    <xf numFmtId="0" fontId="9" fillId="0" borderId="64" xfId="6" applyFont="1" applyFill="1" applyBorder="1" applyAlignment="1">
      <alignment horizontal="center" vertical="center"/>
    </xf>
    <xf numFmtId="0" fontId="9" fillId="0" borderId="81" xfId="6" applyFont="1" applyFill="1" applyBorder="1" applyAlignment="1">
      <alignment horizontal="center" vertical="center"/>
    </xf>
    <xf numFmtId="0" fontId="9" fillId="0" borderId="93" xfId="6" applyFont="1" applyFill="1" applyBorder="1" applyAlignment="1">
      <alignment horizontal="center" vertical="center"/>
    </xf>
    <xf numFmtId="0" fontId="9" fillId="0" borderId="70" xfId="6" applyFont="1" applyFill="1" applyBorder="1" applyAlignment="1">
      <alignment horizontal="center" vertical="center"/>
    </xf>
    <xf numFmtId="0" fontId="9" fillId="0" borderId="94" xfId="6" applyFont="1" applyFill="1" applyBorder="1" applyAlignment="1">
      <alignment horizontal="center" vertical="center"/>
    </xf>
    <xf numFmtId="0" fontId="9" fillId="0" borderId="78" xfId="6" applyFont="1" applyFill="1" applyBorder="1" applyAlignment="1">
      <alignment horizontal="center" vertical="center"/>
    </xf>
    <xf numFmtId="0" fontId="9" fillId="0" borderId="83" xfId="6" applyFont="1" applyFill="1" applyBorder="1" applyAlignment="1">
      <alignment horizontal="center" vertical="center"/>
    </xf>
    <xf numFmtId="0" fontId="9" fillId="0" borderId="101" xfId="6" applyFont="1" applyFill="1" applyBorder="1" applyAlignment="1">
      <alignment horizontal="center" vertical="center"/>
    </xf>
    <xf numFmtId="0" fontId="9" fillId="0" borderId="102" xfId="6" applyFont="1" applyFill="1" applyBorder="1" applyAlignment="1">
      <alignment horizontal="center" vertical="center"/>
    </xf>
    <xf numFmtId="0" fontId="9" fillId="0" borderId="103" xfId="6" applyFont="1" applyFill="1" applyBorder="1" applyAlignment="1">
      <alignment horizontal="center" vertical="center"/>
    </xf>
    <xf numFmtId="0" fontId="9" fillId="0" borderId="104" xfId="6" applyFont="1" applyFill="1" applyBorder="1" applyAlignment="1">
      <alignment horizontal="center" vertical="center"/>
    </xf>
    <xf numFmtId="0" fontId="9" fillId="0" borderId="97" xfId="6" applyFont="1" applyFill="1" applyBorder="1" applyAlignment="1">
      <alignment horizontal="center" vertical="center"/>
    </xf>
    <xf numFmtId="0" fontId="9" fillId="0" borderId="15" xfId="0" applyFont="1" applyFill="1" applyBorder="1" applyAlignment="1">
      <alignment horizontal="center" vertical="center"/>
    </xf>
    <xf numFmtId="0" fontId="9" fillId="0" borderId="2" xfId="0" applyFont="1" applyFill="1" applyBorder="1" applyAlignment="1">
      <alignment horizontal="center" vertical="center"/>
    </xf>
    <xf numFmtId="0" fontId="9" fillId="0" borderId="16" xfId="0" applyFont="1" applyFill="1" applyBorder="1" applyAlignment="1">
      <alignment horizontal="center" vertical="center"/>
    </xf>
    <xf numFmtId="57" fontId="9" fillId="0" borderId="38" xfId="6" applyNumberFormat="1" applyFont="1" applyFill="1" applyBorder="1" applyAlignment="1">
      <alignment horizontal="center" vertical="center" wrapText="1"/>
    </xf>
    <xf numFmtId="57" fontId="9" fillId="0" borderId="39" xfId="6" applyNumberFormat="1" applyFont="1" applyFill="1" applyBorder="1" applyAlignment="1">
      <alignment horizontal="center" vertical="center" wrapText="1"/>
    </xf>
    <xf numFmtId="57" fontId="9" fillId="0" borderId="40" xfId="6" applyNumberFormat="1" applyFont="1" applyFill="1" applyBorder="1" applyAlignment="1">
      <alignment horizontal="center" vertical="center" wrapText="1"/>
    </xf>
    <xf numFmtId="0" fontId="9" fillId="0" borderId="51" xfId="0" applyFont="1" applyFill="1" applyBorder="1" applyAlignment="1">
      <alignment horizontal="center" vertical="center"/>
    </xf>
    <xf numFmtId="0" fontId="9" fillId="0" borderId="61" xfId="0" applyFont="1" applyFill="1" applyBorder="1" applyAlignment="1">
      <alignment horizontal="center" vertical="center"/>
    </xf>
    <xf numFmtId="0" fontId="9" fillId="0" borderId="52" xfId="0" applyFont="1" applyFill="1" applyBorder="1" applyAlignment="1">
      <alignment horizontal="center" vertical="center"/>
    </xf>
    <xf numFmtId="0" fontId="9" fillId="0" borderId="64" xfId="0" applyFont="1" applyFill="1" applyBorder="1" applyAlignment="1">
      <alignment horizontal="center" vertical="center"/>
    </xf>
    <xf numFmtId="0" fontId="9" fillId="0" borderId="53" xfId="0" applyFont="1" applyFill="1" applyBorder="1" applyAlignment="1">
      <alignment horizontal="center" vertical="center"/>
    </xf>
    <xf numFmtId="0" fontId="9" fillId="0" borderId="66" xfId="0" applyFont="1" applyFill="1" applyBorder="1" applyAlignment="1">
      <alignment horizontal="center" vertical="center"/>
    </xf>
    <xf numFmtId="0" fontId="9" fillId="0" borderId="56" xfId="0" applyFont="1" applyFill="1" applyBorder="1" applyAlignment="1">
      <alignment horizontal="center" vertical="center"/>
    </xf>
    <xf numFmtId="0" fontId="9" fillId="0" borderId="98" xfId="0" applyFont="1" applyFill="1" applyBorder="1" applyAlignment="1">
      <alignment horizontal="center" vertical="center"/>
    </xf>
    <xf numFmtId="0" fontId="9" fillId="0" borderId="101" xfId="0" applyFont="1" applyFill="1" applyBorder="1" applyAlignment="1">
      <alignment horizontal="center" vertical="center"/>
    </xf>
    <xf numFmtId="0" fontId="9" fillId="0" borderId="102" xfId="0" applyFont="1" applyFill="1" applyBorder="1" applyAlignment="1">
      <alignment horizontal="center" vertical="center"/>
    </xf>
    <xf numFmtId="0" fontId="9" fillId="0" borderId="70" xfId="0" applyFont="1" applyFill="1" applyBorder="1" applyAlignment="1">
      <alignment horizontal="center" vertical="center"/>
    </xf>
    <xf numFmtId="0" fontId="9" fillId="0" borderId="94" xfId="0" applyFont="1" applyFill="1" applyBorder="1" applyAlignment="1">
      <alignment horizontal="center" vertical="center"/>
    </xf>
    <xf numFmtId="0" fontId="9" fillId="0" borderId="103" xfId="0" applyFont="1" applyFill="1" applyBorder="1" applyAlignment="1">
      <alignment horizontal="center" vertical="center"/>
    </xf>
    <xf numFmtId="0" fontId="9" fillId="0" borderId="104" xfId="0" applyFont="1" applyFill="1" applyBorder="1" applyAlignment="1">
      <alignment horizontal="center" vertical="center"/>
    </xf>
    <xf numFmtId="0" fontId="9" fillId="0" borderId="97" xfId="0" applyFont="1" applyFill="1" applyBorder="1" applyAlignment="1">
      <alignment horizontal="center" vertical="center"/>
    </xf>
    <xf numFmtId="0" fontId="9" fillId="0" borderId="0" xfId="0" applyFont="1" applyFill="1" applyAlignment="1">
      <alignment horizontal="center" vertical="center"/>
    </xf>
    <xf numFmtId="57" fontId="9" fillId="0" borderId="25" xfId="6" applyNumberFormat="1" applyFont="1" applyFill="1" applyBorder="1" applyAlignment="1">
      <alignment horizontal="center" vertical="center" wrapText="1"/>
    </xf>
    <xf numFmtId="57" fontId="9" fillId="0" borderId="26" xfId="6" applyNumberFormat="1" applyFont="1" applyFill="1" applyBorder="1" applyAlignment="1">
      <alignment horizontal="center" vertical="center" wrapText="1"/>
    </xf>
    <xf numFmtId="57" fontId="9" fillId="0" borderId="27" xfId="6" applyNumberFormat="1" applyFont="1" applyFill="1" applyBorder="1" applyAlignment="1">
      <alignment horizontal="center" vertical="center" wrapText="1"/>
    </xf>
    <xf numFmtId="0" fontId="9" fillId="0" borderId="28" xfId="6" applyFont="1" applyFill="1" applyBorder="1" applyAlignment="1">
      <alignment horizontal="center" vertical="center"/>
    </xf>
    <xf numFmtId="0" fontId="9" fillId="0" borderId="29" xfId="6" applyFont="1" applyFill="1" applyBorder="1" applyAlignment="1">
      <alignment horizontal="center" vertical="center"/>
    </xf>
    <xf numFmtId="0" fontId="9" fillId="0" borderId="73" xfId="0" applyFont="1" applyFill="1" applyBorder="1" applyAlignment="1">
      <alignment horizontal="center" vertical="center"/>
    </xf>
    <xf numFmtId="0" fontId="9" fillId="0" borderId="74" xfId="0" applyFont="1" applyFill="1" applyBorder="1" applyAlignment="1">
      <alignment horizontal="center" vertical="center"/>
    </xf>
    <xf numFmtId="0" fontId="9" fillId="0" borderId="101" xfId="9" applyFont="1" applyFill="1" applyBorder="1" applyAlignment="1">
      <alignment horizontal="center" vertical="center" wrapText="1"/>
    </xf>
    <xf numFmtId="0" fontId="9" fillId="0" borderId="97" xfId="9" applyFont="1" applyFill="1" applyBorder="1" applyAlignment="1">
      <alignment horizontal="center" vertical="center" wrapText="1"/>
    </xf>
    <xf numFmtId="0" fontId="9" fillId="0" borderId="103" xfId="9" applyFont="1" applyFill="1" applyBorder="1" applyAlignment="1">
      <alignment horizontal="center" vertical="center" wrapText="1"/>
    </xf>
    <xf numFmtId="0" fontId="9" fillId="0" borderId="114" xfId="9" applyFont="1" applyFill="1" applyBorder="1" applyAlignment="1">
      <alignment horizontal="center" vertical="center" wrapText="1"/>
    </xf>
    <xf numFmtId="0" fontId="9" fillId="0" borderId="9" xfId="0" applyFont="1" applyFill="1" applyBorder="1" applyAlignment="1">
      <alignment horizontal="center" vertical="center"/>
    </xf>
    <xf numFmtId="0" fontId="9" fillId="0" borderId="10" xfId="0" applyFont="1" applyFill="1" applyBorder="1" applyAlignment="1">
      <alignment horizontal="center" vertical="center"/>
    </xf>
    <xf numFmtId="0" fontId="9" fillId="0" borderId="12" xfId="0" applyFont="1" applyFill="1" applyBorder="1" applyAlignment="1">
      <alignment horizontal="center" vertical="center"/>
    </xf>
    <xf numFmtId="0" fontId="9" fillId="0" borderId="13" xfId="0" applyFont="1" applyFill="1" applyBorder="1" applyAlignment="1">
      <alignment horizontal="center" vertical="center"/>
    </xf>
    <xf numFmtId="0" fontId="9" fillId="0" borderId="25" xfId="9" applyFont="1" applyFill="1" applyBorder="1" applyAlignment="1">
      <alignment horizontal="center" vertical="center" wrapText="1"/>
    </xf>
    <xf numFmtId="0" fontId="9" fillId="0" borderId="26" xfId="9" applyFont="1" applyFill="1" applyBorder="1" applyAlignment="1">
      <alignment horizontal="center" vertical="center" wrapText="1"/>
    </xf>
    <xf numFmtId="0" fontId="9" fillId="0" borderId="27" xfId="9" applyFont="1" applyFill="1" applyBorder="1" applyAlignment="1">
      <alignment horizontal="center" vertical="center" wrapText="1"/>
    </xf>
    <xf numFmtId="0" fontId="9" fillId="0" borderId="28" xfId="9" applyFont="1" applyFill="1" applyBorder="1" applyAlignment="1">
      <alignment horizontal="center" vertical="center" wrapText="1"/>
    </xf>
    <xf numFmtId="0" fontId="9" fillId="0" borderId="29" xfId="9" applyFont="1" applyFill="1" applyBorder="1" applyAlignment="1">
      <alignment horizontal="center" vertical="center" wrapText="1"/>
    </xf>
    <xf numFmtId="38" fontId="12" fillId="0" borderId="97" xfId="0" applyNumberFormat="1" applyFont="1" applyFill="1" applyBorder="1" applyAlignment="1">
      <alignment horizontal="left" vertical="center" wrapText="1"/>
    </xf>
    <xf numFmtId="38" fontId="12" fillId="0" borderId="0" xfId="0" applyNumberFormat="1" applyFont="1" applyFill="1" applyAlignment="1">
      <alignment horizontal="left" vertical="center" wrapText="1"/>
    </xf>
    <xf numFmtId="0" fontId="17" fillId="0" borderId="0" xfId="0" applyFont="1" applyFill="1" applyAlignment="1">
      <alignment horizontal="center" vertical="center"/>
    </xf>
    <xf numFmtId="0" fontId="9" fillId="0" borderId="53" xfId="9" applyFont="1" applyFill="1" applyBorder="1" applyAlignment="1">
      <alignment horizontal="center" vertical="center" wrapText="1"/>
    </xf>
    <xf numFmtId="0" fontId="9" fillId="0" borderId="66" xfId="9" applyFont="1" applyFill="1" applyBorder="1" applyAlignment="1">
      <alignment horizontal="center" vertical="center" wrapText="1"/>
    </xf>
    <xf numFmtId="0" fontId="9" fillId="0" borderId="56" xfId="9" applyFont="1" applyFill="1" applyBorder="1" applyAlignment="1">
      <alignment horizontal="center" vertical="center" wrapText="1"/>
    </xf>
    <xf numFmtId="0" fontId="9" fillId="0" borderId="98" xfId="9" applyFont="1" applyFill="1" applyBorder="1" applyAlignment="1">
      <alignment horizontal="center" vertical="center" wrapText="1"/>
    </xf>
    <xf numFmtId="0" fontId="9" fillId="0" borderId="52" xfId="9" applyFont="1" applyFill="1" applyBorder="1" applyAlignment="1">
      <alignment horizontal="center" vertical="center"/>
    </xf>
    <xf numFmtId="0" fontId="9" fillId="0" borderId="64" xfId="9" applyFont="1" applyFill="1" applyBorder="1" applyAlignment="1">
      <alignment horizontal="center" vertical="center"/>
    </xf>
    <xf numFmtId="0" fontId="9" fillId="0" borderId="52" xfId="9" applyFont="1" applyFill="1" applyBorder="1" applyAlignment="1">
      <alignment horizontal="center" vertical="center" wrapText="1"/>
    </xf>
    <xf numFmtId="0" fontId="9" fillId="0" borderId="64" xfId="9" applyFont="1" applyFill="1" applyBorder="1" applyAlignment="1">
      <alignment horizontal="center" vertical="center" wrapText="1"/>
    </xf>
    <xf numFmtId="0" fontId="17" fillId="0" borderId="52" xfId="9" applyFont="1" applyFill="1" applyBorder="1" applyAlignment="1">
      <alignment horizontal="center" vertical="center"/>
    </xf>
    <xf numFmtId="0" fontId="17" fillId="0" borderId="64" xfId="9" applyFont="1" applyFill="1" applyBorder="1" applyAlignment="1">
      <alignment horizontal="center" vertical="center"/>
    </xf>
    <xf numFmtId="0" fontId="9" fillId="0" borderId="51" xfId="9" applyFont="1" applyFill="1" applyBorder="1" applyAlignment="1">
      <alignment horizontal="center" vertical="center" wrapText="1"/>
    </xf>
    <xf numFmtId="0" fontId="9" fillId="0" borderId="61" xfId="9" applyFont="1" applyFill="1" applyBorder="1" applyAlignment="1">
      <alignment horizontal="center" vertical="center" wrapText="1"/>
    </xf>
    <xf numFmtId="176" fontId="9" fillId="0" borderId="3" xfId="3" applyNumberFormat="1" applyFont="1" applyFill="1" applyBorder="1" applyAlignment="1">
      <alignment horizontal="center" vertical="center"/>
    </xf>
    <xf numFmtId="176" fontId="9" fillId="0" borderId="64" xfId="3" applyNumberFormat="1" applyFont="1" applyFill="1" applyBorder="1" applyAlignment="1">
      <alignment horizontal="center" vertical="center"/>
    </xf>
    <xf numFmtId="0" fontId="9" fillId="0" borderId="121" xfId="0" applyFont="1" applyFill="1" applyBorder="1" applyAlignment="1">
      <alignment horizontal="center" vertical="center"/>
    </xf>
    <xf numFmtId="176" fontId="9" fillId="0" borderId="8" xfId="3" applyNumberFormat="1" applyFont="1" applyFill="1" applyBorder="1" applyAlignment="1">
      <alignment horizontal="center" vertical="center"/>
    </xf>
    <xf numFmtId="0" fontId="9" fillId="0" borderId="91" xfId="0" applyFont="1" applyFill="1" applyBorder="1" applyAlignment="1">
      <alignment horizontal="center" vertical="center"/>
    </xf>
    <xf numFmtId="0" fontId="9" fillId="0" borderId="92" xfId="0" applyFont="1" applyFill="1" applyBorder="1" applyAlignment="1">
      <alignment horizontal="center" vertical="center"/>
    </xf>
    <xf numFmtId="176" fontId="9" fillId="0" borderId="135" xfId="3" applyNumberFormat="1" applyFont="1" applyFill="1" applyBorder="1" applyAlignment="1">
      <alignment horizontal="center" vertical="center"/>
    </xf>
    <xf numFmtId="176" fontId="9" fillId="0" borderId="136" xfId="3" applyNumberFormat="1" applyFont="1" applyFill="1" applyBorder="1" applyAlignment="1">
      <alignment horizontal="center" vertical="center"/>
    </xf>
    <xf numFmtId="176" fontId="9" fillId="0" borderId="137" xfId="3" applyNumberFormat="1" applyFont="1" applyFill="1" applyBorder="1" applyAlignment="1">
      <alignment horizontal="center" vertical="center"/>
    </xf>
    <xf numFmtId="0" fontId="9" fillId="0" borderId="28" xfId="0" applyFont="1" applyFill="1" applyBorder="1" applyAlignment="1">
      <alignment horizontal="center" vertical="center" wrapText="1"/>
    </xf>
    <xf numFmtId="0" fontId="9" fillId="0" borderId="29" xfId="0" applyFont="1" applyFill="1" applyBorder="1" applyAlignment="1">
      <alignment horizontal="center" vertical="center" wrapText="1"/>
    </xf>
    <xf numFmtId="0" fontId="9" fillId="0" borderId="67" xfId="0" applyFont="1" applyFill="1" applyBorder="1" applyAlignment="1">
      <alignment horizontal="center" vertical="center"/>
    </xf>
    <xf numFmtId="0" fontId="9" fillId="0" borderId="68" xfId="0" applyFont="1" applyFill="1" applyBorder="1" applyAlignment="1">
      <alignment horizontal="center" vertical="center"/>
    </xf>
    <xf numFmtId="0" fontId="9" fillId="0" borderId="47" xfId="0" applyFont="1" applyFill="1" applyBorder="1" applyAlignment="1">
      <alignment horizontal="center" vertical="center"/>
    </xf>
    <xf numFmtId="0" fontId="9" fillId="0" borderId="57" xfId="0" applyFont="1" applyFill="1" applyBorder="1" applyAlignment="1">
      <alignment horizontal="center" vertical="center"/>
    </xf>
    <xf numFmtId="0" fontId="9" fillId="0" borderId="59" xfId="0" applyFont="1" applyFill="1" applyBorder="1" applyAlignment="1">
      <alignment horizontal="center" vertical="center"/>
    </xf>
  </cellXfs>
  <cellStyles count="10">
    <cellStyle name="スタイル 1" xfId="4"/>
    <cellStyle name="スタイル 2" xfId="5"/>
    <cellStyle name="パーセント" xfId="3" builtinId="5"/>
    <cellStyle name="パーセント 2" xfId="7"/>
    <cellStyle name="桁区切り" xfId="2" builtinId="6"/>
    <cellStyle name="標準" xfId="0" builtinId="0"/>
    <cellStyle name="標準 2" xfId="1"/>
    <cellStyle name="標準 2 2" xfId="6"/>
    <cellStyle name="標準 2 2 2" xfId="8"/>
    <cellStyle name="標準_課程別離職状況２" xfId="9"/>
  </cellStyles>
  <dxfs count="1">
    <dxf>
      <fill>
        <patternFill>
          <bgColor theme="2"/>
        </patternFill>
      </fill>
    </dxf>
  </dxfs>
  <tableStyles count="1" defaultTableStyle="TableStyleMedium2" defaultPivotStyle="PivotStyleLight16">
    <tableStyle name="テーブル スタイル 1" pivot="0" count="1">
      <tableStyleElement type="totalRow" dxfId="0"/>
    </tableStyle>
  </tableStyles>
  <colors>
    <mruColors>
      <color rgb="FFFF66FF"/>
      <color rgb="FFFFCCFF"/>
      <color rgb="FFFFCCCC"/>
      <color rgb="FF00CC99"/>
      <color rgb="FFFFCC99"/>
      <color rgb="FFDAA6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worksheet" Target="worksheets/sheet16.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drawing1.xml><?xml version="1.0" encoding="utf-8"?>
<xdr:wsDr xmlns:xdr="http://schemas.openxmlformats.org/drawingml/2006/spreadsheetDrawing" xmlns:a="http://schemas.openxmlformats.org/drawingml/2006/main">
  <xdr:twoCellAnchor>
    <xdr:from>
      <xdr:col>0</xdr:col>
      <xdr:colOff>693736</xdr:colOff>
      <xdr:row>4</xdr:row>
      <xdr:rowOff>123825</xdr:rowOff>
    </xdr:from>
    <xdr:to>
      <xdr:col>8</xdr:col>
      <xdr:colOff>161925</xdr:colOff>
      <xdr:row>18</xdr:row>
      <xdr:rowOff>245268</xdr:rowOff>
    </xdr:to>
    <xdr:sp macro="" textlink="">
      <xdr:nvSpPr>
        <xdr:cNvPr id="2" name="メモ 1">
          <a:extLst>
            <a:ext uri="{FF2B5EF4-FFF2-40B4-BE49-F238E27FC236}">
              <a16:creationId xmlns:a16="http://schemas.microsoft.com/office/drawing/2014/main" id="{00000000-0008-0000-0000-000002000000}"/>
            </a:ext>
          </a:extLst>
        </xdr:cNvPr>
        <xdr:cNvSpPr/>
      </xdr:nvSpPr>
      <xdr:spPr>
        <a:xfrm>
          <a:off x="693736" y="1162050"/>
          <a:ext cx="8945564" cy="3588543"/>
        </a:xfrm>
        <a:prstGeom prst="foldedCorner">
          <a:avLst>
            <a:gd name="adj" fmla="val 16369"/>
          </a:avLst>
        </a:prstGeom>
        <a:noFill/>
        <a:ln w="50800" cmpd="thickThi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14300</xdr:colOff>
      <xdr:row>3</xdr:row>
      <xdr:rowOff>35719</xdr:rowOff>
    </xdr:from>
    <xdr:to>
      <xdr:col>4</xdr:col>
      <xdr:colOff>200025</xdr:colOff>
      <xdr:row>4</xdr:row>
      <xdr:rowOff>178594</xdr:rowOff>
    </xdr:to>
    <xdr:sp macro="" textlink="">
      <xdr:nvSpPr>
        <xdr:cNvPr id="3" name="テキスト ボックス 2">
          <a:extLst>
            <a:ext uri="{FF2B5EF4-FFF2-40B4-BE49-F238E27FC236}">
              <a16:creationId xmlns:a16="http://schemas.microsoft.com/office/drawing/2014/main" id="{00000000-0008-0000-0000-000003000000}"/>
            </a:ext>
          </a:extLst>
        </xdr:cNvPr>
        <xdr:cNvSpPr txBox="1"/>
      </xdr:nvSpPr>
      <xdr:spPr>
        <a:xfrm>
          <a:off x="1028700" y="826294"/>
          <a:ext cx="3733800" cy="390525"/>
        </a:xfrm>
        <a:prstGeom prst="rect">
          <a:avLst/>
        </a:prstGeom>
        <a:solidFill>
          <a:schemeClr val="lt1"/>
        </a:solidFill>
        <a:ln w="19050" cmpd="sng">
          <a:solidFill>
            <a:schemeClr val="tx1"/>
          </a:solidFill>
        </a:ln>
        <a:effectLst>
          <a:outerShdw blurRad="38100" dist="38100" dir="2700000" algn="tl" rotWithShape="0">
            <a:prstClr val="black">
              <a:alpha val="90000"/>
            </a:prstClr>
          </a:outerShdw>
        </a:effectLst>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ja-JP" altLang="en-US" sz="1400" b="1" i="0" u="none" strike="noStrike">
              <a:solidFill>
                <a:schemeClr val="dk1"/>
              </a:solidFill>
              <a:effectLst/>
              <a:latin typeface="ＭＳ Ｐ明朝" panose="02020600040205080304" pitchFamily="18" charset="-128"/>
              <a:ea typeface="ＭＳ Ｐ明朝" panose="02020600040205080304" pitchFamily="18" charset="-128"/>
              <a:cs typeface="+mn-cs"/>
            </a:rPr>
            <a:t>令和５</a:t>
          </a:r>
          <a:r>
            <a:rPr lang="en-US" altLang="ja-JP" sz="1400" b="1" i="0" u="none" strike="noStrike">
              <a:solidFill>
                <a:schemeClr val="dk1"/>
              </a:solidFill>
              <a:effectLst/>
              <a:latin typeface="ＭＳ Ｐ明朝" panose="02020600040205080304" pitchFamily="18" charset="-128"/>
              <a:ea typeface="ＭＳ Ｐ明朝" panose="02020600040205080304" pitchFamily="18" charset="-128"/>
              <a:cs typeface="+mn-cs"/>
            </a:rPr>
            <a:t>(2023)</a:t>
          </a:r>
          <a:r>
            <a:rPr lang="ja-JP" altLang="en-US" sz="1400" b="1" i="0" u="none" strike="noStrike">
              <a:solidFill>
                <a:schemeClr val="dk1"/>
              </a:solidFill>
              <a:effectLst/>
              <a:latin typeface="ＭＳ Ｐ明朝" panose="02020600040205080304" pitchFamily="18" charset="-128"/>
              <a:ea typeface="ＭＳ Ｐ明朝" panose="02020600040205080304" pitchFamily="18" charset="-128"/>
              <a:cs typeface="+mn-cs"/>
            </a:rPr>
            <a:t>年度　結果概要</a:t>
          </a:r>
          <a:r>
            <a:rPr lang="ja-JP" altLang="en-US" sz="1400" b="1">
              <a:latin typeface="ＭＳ Ｐ明朝" panose="02020600040205080304" pitchFamily="18" charset="-128"/>
              <a:ea typeface="ＭＳ Ｐ明朝" panose="02020600040205080304" pitchFamily="18" charset="-128"/>
            </a:rPr>
            <a:t> </a:t>
          </a:r>
          <a:endParaRPr kumimoji="1" lang="ja-JP" altLang="en-US" sz="1400" b="1">
            <a:latin typeface="ＭＳ Ｐ明朝" panose="02020600040205080304" pitchFamily="18" charset="-128"/>
            <a:ea typeface="ＭＳ Ｐ明朝" panose="02020600040205080304" pitchFamily="18"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70"/>
  <sheetViews>
    <sheetView tabSelected="1" view="pageBreakPreview" zoomScale="80" zoomScaleNormal="80" zoomScaleSheetLayoutView="80" workbookViewId="0">
      <selection activeCell="B12" sqref="B12"/>
    </sheetView>
  </sheetViews>
  <sheetFormatPr defaultColWidth="0.5" defaultRowHeight="20.100000000000001" customHeight="1" x14ac:dyDescent="0.2"/>
  <cols>
    <col min="1" max="1" width="12" style="128" customWidth="1"/>
    <col min="2" max="2" width="14.59765625" style="128" customWidth="1"/>
    <col min="3" max="7" width="16.59765625" style="128" customWidth="1"/>
    <col min="8" max="8" width="14.59765625" style="128" customWidth="1"/>
    <col min="9" max="9" width="12.19921875" style="128" customWidth="1"/>
    <col min="10" max="13" width="16.59765625" style="128" customWidth="1"/>
    <col min="14" max="15" width="10.19921875" style="128" customWidth="1"/>
    <col min="16" max="16384" width="0.5" style="128"/>
  </cols>
  <sheetData>
    <row r="1" spans="1:9" ht="23.4" x14ac:dyDescent="0.2">
      <c r="A1" s="575" t="s">
        <v>249</v>
      </c>
      <c r="B1" s="575"/>
      <c r="C1" s="575"/>
      <c r="D1" s="575"/>
      <c r="E1" s="575"/>
      <c r="F1" s="575"/>
      <c r="G1" s="575"/>
      <c r="H1" s="575"/>
      <c r="I1" s="575"/>
    </row>
    <row r="2" spans="1:9" ht="20.100000000000001" customHeight="1" x14ac:dyDescent="0.2">
      <c r="I2" s="129"/>
    </row>
    <row r="3" spans="1:9" ht="20.100000000000001" customHeight="1" x14ac:dyDescent="0.2">
      <c r="F3" s="576" t="s">
        <v>273</v>
      </c>
      <c r="G3" s="576"/>
      <c r="H3" s="576"/>
    </row>
    <row r="4" spans="1:9" ht="20.100000000000001" customHeight="1" x14ac:dyDescent="0.2">
      <c r="B4" s="130"/>
    </row>
    <row r="5" spans="1:9" ht="20.100000000000001" customHeight="1" x14ac:dyDescent="0.2">
      <c r="B5" s="130"/>
    </row>
    <row r="6" spans="1:9" ht="20.100000000000001" customHeight="1" x14ac:dyDescent="0.2">
      <c r="B6" s="134" t="s">
        <v>197</v>
      </c>
    </row>
    <row r="7" spans="1:9" ht="20.100000000000001" customHeight="1" x14ac:dyDescent="0.2">
      <c r="B7" s="134" t="s">
        <v>361</v>
      </c>
    </row>
    <row r="8" spans="1:9" ht="20.100000000000001" customHeight="1" x14ac:dyDescent="0.2">
      <c r="B8" s="134" t="s">
        <v>364</v>
      </c>
    </row>
    <row r="9" spans="1:9" ht="20.100000000000001" customHeight="1" x14ac:dyDescent="0.2">
      <c r="B9" s="134" t="s">
        <v>219</v>
      </c>
      <c r="D9" s="128" t="s">
        <v>362</v>
      </c>
    </row>
    <row r="10" spans="1:9" ht="20.100000000000001" customHeight="1" x14ac:dyDescent="0.2">
      <c r="B10" s="134"/>
      <c r="D10" s="128" t="s">
        <v>363</v>
      </c>
    </row>
    <row r="11" spans="1:9" ht="20.100000000000001" customHeight="1" x14ac:dyDescent="0.2">
      <c r="B11" s="134"/>
    </row>
    <row r="12" spans="1:9" ht="20.100000000000001" customHeight="1" x14ac:dyDescent="0.2">
      <c r="B12" s="134" t="s">
        <v>388</v>
      </c>
    </row>
    <row r="13" spans="1:9" ht="20.100000000000001" customHeight="1" x14ac:dyDescent="0.2">
      <c r="B13" s="505" t="s">
        <v>382</v>
      </c>
    </row>
    <row r="14" spans="1:9" ht="20.100000000000001" customHeight="1" x14ac:dyDescent="0.2">
      <c r="B14" s="134" t="s">
        <v>387</v>
      </c>
    </row>
    <row r="15" spans="1:9" ht="20.100000000000001" customHeight="1" x14ac:dyDescent="0.2">
      <c r="B15" s="134"/>
    </row>
    <row r="16" spans="1:9" ht="20.100000000000001" customHeight="1" x14ac:dyDescent="0.2">
      <c r="B16" s="134" t="s">
        <v>195</v>
      </c>
    </row>
    <row r="17" spans="1:8" ht="20.100000000000001" customHeight="1" x14ac:dyDescent="0.2">
      <c r="B17" s="134" t="s">
        <v>359</v>
      </c>
    </row>
    <row r="18" spans="1:8" ht="20.100000000000001" customHeight="1" x14ac:dyDescent="0.2">
      <c r="B18" s="134" t="s">
        <v>360</v>
      </c>
    </row>
    <row r="20" spans="1:8" ht="20.100000000000001" customHeight="1" x14ac:dyDescent="0.2">
      <c r="B20" s="128" t="s">
        <v>196</v>
      </c>
    </row>
    <row r="21" spans="1:8" ht="20.100000000000001" customHeight="1" x14ac:dyDescent="0.2">
      <c r="B21" s="580" t="s">
        <v>365</v>
      </c>
      <c r="C21" s="580"/>
      <c r="D21" s="580"/>
      <c r="E21" s="580"/>
      <c r="F21" s="580"/>
      <c r="G21" s="580"/>
      <c r="H21" s="580"/>
    </row>
    <row r="22" spans="1:8" ht="20.100000000000001" customHeight="1" x14ac:dyDescent="0.2">
      <c r="B22" s="580"/>
      <c r="C22" s="580"/>
      <c r="D22" s="580"/>
      <c r="E22" s="580"/>
      <c r="F22" s="580"/>
      <c r="G22" s="580"/>
      <c r="H22" s="580"/>
    </row>
    <row r="23" spans="1:8" ht="16.2" x14ac:dyDescent="0.2">
      <c r="B23" s="580"/>
      <c r="C23" s="580"/>
      <c r="D23" s="580"/>
      <c r="E23" s="580"/>
      <c r="F23" s="580"/>
      <c r="G23" s="580"/>
      <c r="H23" s="580"/>
    </row>
    <row r="25" spans="1:8" ht="20.100000000000001" customHeight="1" x14ac:dyDescent="0.2">
      <c r="A25" s="132" t="s">
        <v>209</v>
      </c>
      <c r="B25" s="130" t="s">
        <v>210</v>
      </c>
    </row>
    <row r="26" spans="1:8" ht="20.100000000000001" customHeight="1" x14ac:dyDescent="0.2">
      <c r="B26" s="133" t="s">
        <v>198</v>
      </c>
    </row>
    <row r="27" spans="1:8" ht="20.100000000000001" customHeight="1" x14ac:dyDescent="0.2">
      <c r="B27" s="128" t="s">
        <v>202</v>
      </c>
      <c r="C27" s="128" t="s">
        <v>206</v>
      </c>
    </row>
    <row r="28" spans="1:8" ht="20.100000000000001" customHeight="1" x14ac:dyDescent="0.2">
      <c r="B28" s="128" t="s">
        <v>203</v>
      </c>
      <c r="C28" s="128" t="s">
        <v>349</v>
      </c>
    </row>
    <row r="29" spans="1:8" ht="20.100000000000001" customHeight="1" x14ac:dyDescent="0.2">
      <c r="B29" s="128" t="s">
        <v>204</v>
      </c>
      <c r="C29" s="128" t="s">
        <v>246</v>
      </c>
    </row>
    <row r="30" spans="1:8" ht="20.100000000000001" customHeight="1" x14ac:dyDescent="0.2">
      <c r="B30" s="128" t="s">
        <v>205</v>
      </c>
      <c r="C30" s="128" t="s">
        <v>366</v>
      </c>
    </row>
    <row r="31" spans="1:8" ht="20.100000000000001" customHeight="1" x14ac:dyDescent="0.2">
      <c r="B31" s="134" t="s">
        <v>199</v>
      </c>
      <c r="C31" s="134" t="s">
        <v>207</v>
      </c>
      <c r="D31" s="134"/>
      <c r="E31" s="522"/>
      <c r="F31" s="14"/>
    </row>
    <row r="32" spans="1:8" ht="20.100000000000001" customHeight="1" x14ac:dyDescent="0.2">
      <c r="C32" s="134" t="s">
        <v>208</v>
      </c>
      <c r="D32" s="522"/>
      <c r="E32" s="134"/>
      <c r="F32" s="15"/>
    </row>
    <row r="34" spans="2:7" ht="20.100000000000001" customHeight="1" thickBot="1" x14ac:dyDescent="0.25">
      <c r="B34" s="130" t="s">
        <v>200</v>
      </c>
    </row>
    <row r="35" spans="2:7" ht="30" customHeight="1" thickBot="1" x14ac:dyDescent="0.25">
      <c r="C35" s="135" t="s">
        <v>164</v>
      </c>
      <c r="D35" s="136" t="s">
        <v>8</v>
      </c>
      <c r="E35" s="137" t="s">
        <v>9</v>
      </c>
      <c r="F35" s="137" t="s">
        <v>10</v>
      </c>
      <c r="G35" s="138" t="s">
        <v>201</v>
      </c>
    </row>
    <row r="36" spans="2:7" ht="20.100000000000001" customHeight="1" thickTop="1" x14ac:dyDescent="0.2">
      <c r="C36" s="139" t="s">
        <v>84</v>
      </c>
      <c r="D36" s="140">
        <v>86</v>
      </c>
      <c r="E36" s="141">
        <v>41</v>
      </c>
      <c r="F36" s="142">
        <v>0.47674418604651164</v>
      </c>
      <c r="G36" s="142">
        <v>0.19248826291079812</v>
      </c>
    </row>
    <row r="37" spans="2:7" ht="20.100000000000001" customHeight="1" x14ac:dyDescent="0.2">
      <c r="C37" s="520" t="s">
        <v>11</v>
      </c>
      <c r="D37" s="143">
        <v>112</v>
      </c>
      <c r="E37" s="144">
        <v>70</v>
      </c>
      <c r="F37" s="142">
        <v>0.625</v>
      </c>
      <c r="G37" s="142">
        <v>0.32863849765258218</v>
      </c>
    </row>
    <row r="38" spans="2:7" ht="20.100000000000001" customHeight="1" x14ac:dyDescent="0.2">
      <c r="C38" s="520" t="s">
        <v>12</v>
      </c>
      <c r="D38" s="143">
        <v>52</v>
      </c>
      <c r="E38" s="144">
        <v>40</v>
      </c>
      <c r="F38" s="142">
        <v>0.76923076923076927</v>
      </c>
      <c r="G38" s="142">
        <v>0.18779342723004694</v>
      </c>
    </row>
    <row r="39" spans="2:7" ht="20.100000000000001" customHeight="1" x14ac:dyDescent="0.2">
      <c r="C39" s="520" t="s">
        <v>85</v>
      </c>
      <c r="D39" s="143">
        <v>43</v>
      </c>
      <c r="E39" s="144">
        <v>27</v>
      </c>
      <c r="F39" s="142">
        <v>0.62790697674418605</v>
      </c>
      <c r="G39" s="142">
        <v>0.12676056338028169</v>
      </c>
    </row>
    <row r="40" spans="2:7" ht="20.100000000000001" customHeight="1" x14ac:dyDescent="0.2">
      <c r="C40" s="520" t="s">
        <v>86</v>
      </c>
      <c r="D40" s="143">
        <v>20</v>
      </c>
      <c r="E40" s="144">
        <v>15</v>
      </c>
      <c r="F40" s="142">
        <v>0.75</v>
      </c>
      <c r="G40" s="142">
        <v>7.0422535211267609E-2</v>
      </c>
    </row>
    <row r="41" spans="2:7" ht="20.100000000000001" customHeight="1" thickBot="1" x14ac:dyDescent="0.25">
      <c r="C41" s="145" t="s">
        <v>13</v>
      </c>
      <c r="D41" s="146">
        <v>23</v>
      </c>
      <c r="E41" s="147">
        <v>20</v>
      </c>
      <c r="F41" s="148">
        <v>0.86956521739130432</v>
      </c>
      <c r="G41" s="148">
        <v>9.3896713615023469E-2</v>
      </c>
    </row>
    <row r="42" spans="2:7" ht="20.100000000000001" customHeight="1" thickTop="1" thickBot="1" x14ac:dyDescent="0.25">
      <c r="C42" s="149" t="s">
        <v>14</v>
      </c>
      <c r="D42" s="150">
        <v>336</v>
      </c>
      <c r="E42" s="151">
        <v>213</v>
      </c>
      <c r="F42" s="152">
        <v>0.6339285714285714</v>
      </c>
      <c r="G42" s="152">
        <v>1</v>
      </c>
    </row>
    <row r="43" spans="2:7" ht="20.100000000000001" customHeight="1" thickBot="1" x14ac:dyDescent="0.25">
      <c r="C43" s="522"/>
      <c r="F43" s="153"/>
      <c r="G43" s="153"/>
    </row>
    <row r="44" spans="2:7" ht="30" customHeight="1" thickBot="1" x14ac:dyDescent="0.25">
      <c r="C44" s="135" t="s">
        <v>158</v>
      </c>
      <c r="D44" s="136" t="s">
        <v>8</v>
      </c>
      <c r="E44" s="137" t="s">
        <v>9</v>
      </c>
      <c r="F44" s="137" t="s">
        <v>10</v>
      </c>
      <c r="G44" s="138" t="s">
        <v>201</v>
      </c>
    </row>
    <row r="45" spans="2:7" ht="20.100000000000001" customHeight="1" thickTop="1" x14ac:dyDescent="0.2">
      <c r="C45" s="154" t="s">
        <v>26</v>
      </c>
      <c r="D45" s="155">
        <v>132</v>
      </c>
      <c r="E45" s="141">
        <v>84</v>
      </c>
      <c r="F45" s="142">
        <v>0.63636363636363635</v>
      </c>
      <c r="G45" s="142">
        <v>0.39436619718309857</v>
      </c>
    </row>
    <row r="46" spans="2:7" ht="20.100000000000001" customHeight="1" x14ac:dyDescent="0.2">
      <c r="C46" s="521" t="s">
        <v>27</v>
      </c>
      <c r="D46" s="143">
        <v>39</v>
      </c>
      <c r="E46" s="144">
        <v>30</v>
      </c>
      <c r="F46" s="142">
        <v>0.76923076923076927</v>
      </c>
      <c r="G46" s="142">
        <v>0.14084507042253522</v>
      </c>
    </row>
    <row r="47" spans="2:7" ht="20.100000000000001" customHeight="1" x14ac:dyDescent="0.2">
      <c r="C47" s="520" t="s">
        <v>28</v>
      </c>
      <c r="D47" s="156">
        <v>35</v>
      </c>
      <c r="E47" s="144">
        <v>22</v>
      </c>
      <c r="F47" s="142">
        <v>0.62857142857142856</v>
      </c>
      <c r="G47" s="142">
        <v>0.10328638497652583</v>
      </c>
    </row>
    <row r="48" spans="2:7" ht="20.100000000000001" customHeight="1" x14ac:dyDescent="0.2">
      <c r="C48" s="520" t="s">
        <v>29</v>
      </c>
      <c r="D48" s="156">
        <v>29</v>
      </c>
      <c r="E48" s="144">
        <v>14</v>
      </c>
      <c r="F48" s="142">
        <v>0.48275862068965519</v>
      </c>
      <c r="G48" s="142">
        <v>6.5727699530516437E-2</v>
      </c>
    </row>
    <row r="49" spans="2:7" ht="20.100000000000001" customHeight="1" x14ac:dyDescent="0.2">
      <c r="C49" s="520" t="s">
        <v>30</v>
      </c>
      <c r="D49" s="156">
        <v>25</v>
      </c>
      <c r="E49" s="144">
        <v>15</v>
      </c>
      <c r="F49" s="142">
        <v>0.6</v>
      </c>
      <c r="G49" s="142">
        <v>7.0422535211267609E-2</v>
      </c>
    </row>
    <row r="50" spans="2:7" ht="20.100000000000001" customHeight="1" x14ac:dyDescent="0.2">
      <c r="C50" s="520" t="s">
        <v>31</v>
      </c>
      <c r="D50" s="156">
        <v>21</v>
      </c>
      <c r="E50" s="144">
        <v>15</v>
      </c>
      <c r="F50" s="142">
        <v>0.7142857142857143</v>
      </c>
      <c r="G50" s="142">
        <v>7.0422535211267609E-2</v>
      </c>
    </row>
    <row r="51" spans="2:7" ht="20.100000000000001" customHeight="1" x14ac:dyDescent="0.2">
      <c r="C51" s="520" t="s">
        <v>32</v>
      </c>
      <c r="D51" s="156">
        <v>32</v>
      </c>
      <c r="E51" s="144">
        <v>22</v>
      </c>
      <c r="F51" s="142">
        <v>0.6875</v>
      </c>
      <c r="G51" s="142">
        <v>0.10328638497652583</v>
      </c>
    </row>
    <row r="52" spans="2:7" ht="20.100000000000001" customHeight="1" thickBot="1" x14ac:dyDescent="0.25">
      <c r="C52" s="145" t="s">
        <v>33</v>
      </c>
      <c r="D52" s="157">
        <v>23</v>
      </c>
      <c r="E52" s="147">
        <v>11</v>
      </c>
      <c r="F52" s="148">
        <v>0.47826086956521741</v>
      </c>
      <c r="G52" s="148">
        <v>5.1643192488262914E-2</v>
      </c>
    </row>
    <row r="53" spans="2:7" ht="20.100000000000001" customHeight="1" thickTop="1" thickBot="1" x14ac:dyDescent="0.25">
      <c r="C53" s="149" t="s">
        <v>14</v>
      </c>
      <c r="D53" s="150">
        <v>336</v>
      </c>
      <c r="E53" s="151">
        <v>213</v>
      </c>
      <c r="F53" s="152">
        <v>0.6339285714285714</v>
      </c>
      <c r="G53" s="152">
        <v>1</v>
      </c>
    </row>
    <row r="54" spans="2:7" ht="20.100000000000001" customHeight="1" thickBot="1" x14ac:dyDescent="0.25"/>
    <row r="55" spans="2:7" ht="20.100000000000001" customHeight="1" x14ac:dyDescent="0.2">
      <c r="C55" s="577" t="s">
        <v>247</v>
      </c>
      <c r="D55" s="578"/>
      <c r="E55" s="579"/>
      <c r="F55" s="158">
        <v>41152</v>
      </c>
    </row>
    <row r="56" spans="2:7" ht="20.100000000000001" customHeight="1" x14ac:dyDescent="0.2">
      <c r="C56" s="566" t="s">
        <v>248</v>
      </c>
      <c r="D56" s="567"/>
      <c r="E56" s="568"/>
      <c r="F56" s="159">
        <v>40392</v>
      </c>
    </row>
    <row r="57" spans="2:7" ht="20.100000000000001" customHeight="1" x14ac:dyDescent="0.2">
      <c r="C57" s="566" t="s">
        <v>274</v>
      </c>
      <c r="D57" s="567"/>
      <c r="E57" s="568"/>
      <c r="F57" s="160">
        <v>8.8556807511737095</v>
      </c>
    </row>
    <row r="58" spans="2:7" ht="20.100000000000001" customHeight="1" x14ac:dyDescent="0.2">
      <c r="C58" s="569" t="s">
        <v>275</v>
      </c>
      <c r="D58" s="570"/>
      <c r="E58" s="571"/>
      <c r="F58" s="160">
        <v>8.4117692660025174</v>
      </c>
    </row>
    <row r="59" spans="2:7" ht="20.100000000000001" customHeight="1" x14ac:dyDescent="0.2">
      <c r="C59" s="569" t="s">
        <v>276</v>
      </c>
      <c r="D59" s="570"/>
      <c r="E59" s="571"/>
      <c r="F59" s="161">
        <v>6.5688268636207505</v>
      </c>
    </row>
    <row r="60" spans="2:7" ht="20.100000000000001" customHeight="1" thickBot="1" x14ac:dyDescent="0.25">
      <c r="C60" s="572" t="s">
        <v>250</v>
      </c>
      <c r="D60" s="573"/>
      <c r="E60" s="574"/>
      <c r="F60" s="162">
        <v>9236</v>
      </c>
    </row>
    <row r="61" spans="2:7" ht="20.100000000000001" customHeight="1" x14ac:dyDescent="0.2">
      <c r="C61" s="505"/>
      <c r="D61" s="522"/>
      <c r="E61" s="522"/>
      <c r="F61" s="134"/>
      <c r="G61" s="164"/>
    </row>
    <row r="62" spans="2:7" ht="20.100000000000001" customHeight="1" x14ac:dyDescent="0.2">
      <c r="B62" s="134"/>
      <c r="C62" s="134"/>
      <c r="D62" s="134"/>
      <c r="E62" s="134"/>
      <c r="F62" s="15"/>
    </row>
    <row r="63" spans="2:7" ht="20.100000000000001" customHeight="1" x14ac:dyDescent="0.2">
      <c r="B63" s="134"/>
    </row>
    <row r="64" spans="2:7" ht="20.100000000000001" customHeight="1" x14ac:dyDescent="0.2">
      <c r="B64" s="134"/>
    </row>
    <row r="69" spans="2:2" ht="20.100000000000001" customHeight="1" x14ac:dyDescent="0.2">
      <c r="B69" s="165"/>
    </row>
    <row r="70" spans="2:2" ht="20.100000000000001" customHeight="1" x14ac:dyDescent="0.2">
      <c r="B70" s="166"/>
    </row>
  </sheetData>
  <mergeCells count="9">
    <mergeCell ref="C57:E57"/>
    <mergeCell ref="C58:E58"/>
    <mergeCell ref="C60:E60"/>
    <mergeCell ref="A1:I1"/>
    <mergeCell ref="F3:H3"/>
    <mergeCell ref="C55:E55"/>
    <mergeCell ref="C56:E56"/>
    <mergeCell ref="B21:H23"/>
    <mergeCell ref="C59:E59"/>
  </mergeCells>
  <phoneticPr fontId="1"/>
  <printOptions horizontalCentered="1"/>
  <pageMargins left="0.23622047244094491" right="0.23622047244094491" top="0.55118110236220474" bottom="0.55118110236220474" header="0.31496062992125984" footer="0.31496062992125984"/>
  <pageSetup paperSize="9" scale="68" orientation="portrait" r:id="rId1"/>
  <headerFooter>
    <oddFooter>&amp;C&amp;P</oddFooter>
  </headerFooter>
  <rowBreaks count="1" manualBreakCount="1">
    <brk id="62" max="8" man="1"/>
  </rowBreaks>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34"/>
  <sheetViews>
    <sheetView view="pageBreakPreview" zoomScale="80" zoomScaleNormal="80" zoomScaleSheetLayoutView="80" zoomScalePageLayoutView="50" workbookViewId="0">
      <selection activeCell="D36" sqref="D36"/>
    </sheetView>
  </sheetViews>
  <sheetFormatPr defaultColWidth="10.59765625" defaultRowHeight="20.100000000000001" customHeight="1" x14ac:dyDescent="0.2"/>
  <cols>
    <col min="1" max="1" width="14.59765625" style="505" customWidth="1"/>
    <col min="2" max="16" width="12.59765625" style="505" customWidth="1"/>
    <col min="17" max="16384" width="10.59765625" style="505"/>
  </cols>
  <sheetData>
    <row r="1" spans="1:16" ht="20.100000000000001" customHeight="1" x14ac:dyDescent="0.2">
      <c r="A1" s="130" t="s">
        <v>218</v>
      </c>
    </row>
    <row r="2" spans="1:16" ht="20.100000000000001" customHeight="1" x14ac:dyDescent="0.2">
      <c r="A2" s="252"/>
      <c r="C2" s="169" t="s">
        <v>237</v>
      </c>
    </row>
    <row r="3" spans="1:16" ht="20.100000000000001" customHeight="1" thickBot="1" x14ac:dyDescent="0.25">
      <c r="A3" s="505" t="s">
        <v>54</v>
      </c>
      <c r="C3" s="169" t="s">
        <v>238</v>
      </c>
    </row>
    <row r="4" spans="1:16" ht="20.100000000000001" customHeight="1" x14ac:dyDescent="0.2">
      <c r="A4" s="581" t="s">
        <v>7</v>
      </c>
      <c r="B4" s="583" t="s">
        <v>176</v>
      </c>
      <c r="C4" s="584"/>
      <c r="D4" s="585"/>
      <c r="E4" s="583" t="s">
        <v>55</v>
      </c>
      <c r="F4" s="584"/>
      <c r="G4" s="585"/>
      <c r="H4" s="583" t="s">
        <v>140</v>
      </c>
      <c r="I4" s="584"/>
      <c r="J4" s="585"/>
      <c r="K4" s="583" t="s">
        <v>141</v>
      </c>
      <c r="L4" s="584"/>
      <c r="M4" s="585"/>
      <c r="N4" s="583" t="s">
        <v>142</v>
      </c>
      <c r="O4" s="584"/>
      <c r="P4" s="585"/>
    </row>
    <row r="5" spans="1:16" ht="20.100000000000001" customHeight="1" thickBot="1" x14ac:dyDescent="0.25">
      <c r="A5" s="582"/>
      <c r="B5" s="276" t="s">
        <v>239</v>
      </c>
      <c r="C5" s="277" t="s">
        <v>240</v>
      </c>
      <c r="D5" s="278" t="s">
        <v>155</v>
      </c>
      <c r="E5" s="279" t="s">
        <v>241</v>
      </c>
      <c r="F5" s="277" t="s">
        <v>240</v>
      </c>
      <c r="G5" s="278" t="s">
        <v>155</v>
      </c>
      <c r="H5" s="279" t="s">
        <v>241</v>
      </c>
      <c r="I5" s="277" t="s">
        <v>240</v>
      </c>
      <c r="J5" s="278" t="s">
        <v>155</v>
      </c>
      <c r="K5" s="279" t="s">
        <v>241</v>
      </c>
      <c r="L5" s="277" t="s">
        <v>240</v>
      </c>
      <c r="M5" s="278" t="s">
        <v>155</v>
      </c>
      <c r="N5" s="279" t="s">
        <v>241</v>
      </c>
      <c r="O5" s="277" t="s">
        <v>240</v>
      </c>
      <c r="P5" s="278" t="s">
        <v>155</v>
      </c>
    </row>
    <row r="6" spans="1:16" ht="20.100000000000001" customHeight="1" thickTop="1" x14ac:dyDescent="0.2">
      <c r="A6" s="178" t="s">
        <v>89</v>
      </c>
      <c r="B6" s="21">
        <v>21</v>
      </c>
      <c r="C6" s="85">
        <v>7</v>
      </c>
      <c r="D6" s="256">
        <v>0.33333333333333331</v>
      </c>
      <c r="E6" s="118">
        <v>54</v>
      </c>
      <c r="F6" s="179">
        <v>9</v>
      </c>
      <c r="G6" s="256">
        <v>0.16666666666666666</v>
      </c>
      <c r="H6" s="21">
        <v>47</v>
      </c>
      <c r="I6" s="85">
        <v>10</v>
      </c>
      <c r="J6" s="256">
        <v>0.21276595744680851</v>
      </c>
      <c r="K6" s="21">
        <v>52</v>
      </c>
      <c r="L6" s="85">
        <v>7</v>
      </c>
      <c r="M6" s="256">
        <v>0.13461538461538461</v>
      </c>
      <c r="N6" s="21">
        <v>41</v>
      </c>
      <c r="O6" s="85">
        <v>5</v>
      </c>
      <c r="P6" s="256">
        <v>0.12195121951219512</v>
      </c>
    </row>
    <row r="7" spans="1:16" ht="20.100000000000001" customHeight="1" x14ac:dyDescent="0.2">
      <c r="A7" s="181" t="s">
        <v>90</v>
      </c>
      <c r="B7" s="23">
        <v>193</v>
      </c>
      <c r="C7" s="258">
        <v>32</v>
      </c>
      <c r="D7" s="256">
        <v>0.16580310880829016</v>
      </c>
      <c r="E7" s="112">
        <v>298</v>
      </c>
      <c r="F7" s="182">
        <v>63</v>
      </c>
      <c r="G7" s="256">
        <v>0.21140939597315436</v>
      </c>
      <c r="H7" s="23">
        <v>233</v>
      </c>
      <c r="I7" s="258">
        <v>47</v>
      </c>
      <c r="J7" s="256">
        <v>0.20171673819742489</v>
      </c>
      <c r="K7" s="23">
        <v>228</v>
      </c>
      <c r="L7" s="258">
        <v>41</v>
      </c>
      <c r="M7" s="256">
        <v>0.17982456140350878</v>
      </c>
      <c r="N7" s="23">
        <v>212</v>
      </c>
      <c r="O7" s="258">
        <v>44</v>
      </c>
      <c r="P7" s="256">
        <v>0.20754716981132076</v>
      </c>
    </row>
    <row r="8" spans="1:16" ht="20.100000000000001" customHeight="1" x14ac:dyDescent="0.2">
      <c r="A8" s="181" t="s">
        <v>91</v>
      </c>
      <c r="B8" s="23">
        <v>317</v>
      </c>
      <c r="C8" s="258">
        <v>59</v>
      </c>
      <c r="D8" s="256">
        <v>0.18611987381703471</v>
      </c>
      <c r="E8" s="112">
        <v>362</v>
      </c>
      <c r="F8" s="182">
        <v>66</v>
      </c>
      <c r="G8" s="256">
        <v>0.18232044198895028</v>
      </c>
      <c r="H8" s="23">
        <v>336</v>
      </c>
      <c r="I8" s="258">
        <v>83</v>
      </c>
      <c r="J8" s="256">
        <v>0.24702380952380953</v>
      </c>
      <c r="K8" s="23">
        <v>283</v>
      </c>
      <c r="L8" s="258">
        <v>80</v>
      </c>
      <c r="M8" s="256">
        <v>0.28268551236749118</v>
      </c>
      <c r="N8" s="23">
        <v>198</v>
      </c>
      <c r="O8" s="258">
        <v>39</v>
      </c>
      <c r="P8" s="256">
        <v>0.19696969696969696</v>
      </c>
    </row>
    <row r="9" spans="1:16" ht="20.100000000000001" customHeight="1" x14ac:dyDescent="0.2">
      <c r="A9" s="181" t="s">
        <v>92</v>
      </c>
      <c r="B9" s="23">
        <v>467</v>
      </c>
      <c r="C9" s="258">
        <v>51</v>
      </c>
      <c r="D9" s="256">
        <v>0.10920770877944326</v>
      </c>
      <c r="E9" s="112">
        <v>469</v>
      </c>
      <c r="F9" s="182">
        <v>52</v>
      </c>
      <c r="G9" s="256">
        <v>0.11087420042643924</v>
      </c>
      <c r="H9" s="23">
        <v>443</v>
      </c>
      <c r="I9" s="258">
        <v>91</v>
      </c>
      <c r="J9" s="256">
        <v>0.2054176072234763</v>
      </c>
      <c r="K9" s="23">
        <v>390</v>
      </c>
      <c r="L9" s="258">
        <v>93</v>
      </c>
      <c r="M9" s="256">
        <v>0.23846153846153847</v>
      </c>
      <c r="N9" s="23">
        <v>423</v>
      </c>
      <c r="O9" s="258">
        <v>67</v>
      </c>
      <c r="P9" s="256">
        <v>0.15839243498817968</v>
      </c>
    </row>
    <row r="10" spans="1:16" ht="20.100000000000001" customHeight="1" x14ac:dyDescent="0.2">
      <c r="A10" s="181" t="s">
        <v>93</v>
      </c>
      <c r="B10" s="23">
        <v>467</v>
      </c>
      <c r="C10" s="258">
        <v>42</v>
      </c>
      <c r="D10" s="256">
        <v>8.9935760171306209E-2</v>
      </c>
      <c r="E10" s="112">
        <v>467</v>
      </c>
      <c r="F10" s="182">
        <v>48</v>
      </c>
      <c r="G10" s="256">
        <v>0.10278372591006424</v>
      </c>
      <c r="H10" s="23">
        <v>387</v>
      </c>
      <c r="I10" s="258">
        <v>69</v>
      </c>
      <c r="J10" s="256">
        <v>0.17829457364341086</v>
      </c>
      <c r="K10" s="23">
        <v>403</v>
      </c>
      <c r="L10" s="258">
        <v>82</v>
      </c>
      <c r="M10" s="256">
        <v>0.20347394540942929</v>
      </c>
      <c r="N10" s="23">
        <v>365</v>
      </c>
      <c r="O10" s="258">
        <v>72</v>
      </c>
      <c r="P10" s="256">
        <v>0.19726027397260273</v>
      </c>
    </row>
    <row r="11" spans="1:16" ht="20.100000000000001" customHeight="1" thickBot="1" x14ac:dyDescent="0.25">
      <c r="A11" s="193" t="s">
        <v>13</v>
      </c>
      <c r="B11" s="28">
        <v>1439</v>
      </c>
      <c r="C11" s="87">
        <v>140</v>
      </c>
      <c r="D11" s="259">
        <v>9.7289784572619872E-2</v>
      </c>
      <c r="E11" s="114">
        <v>1291</v>
      </c>
      <c r="F11" s="194">
        <v>142</v>
      </c>
      <c r="G11" s="259">
        <v>0.10999225406661503</v>
      </c>
      <c r="H11" s="28">
        <v>1132</v>
      </c>
      <c r="I11" s="87">
        <v>219</v>
      </c>
      <c r="J11" s="259">
        <v>0.19346289752650175</v>
      </c>
      <c r="K11" s="28">
        <v>992</v>
      </c>
      <c r="L11" s="87">
        <v>208</v>
      </c>
      <c r="M11" s="259">
        <v>0.20967741935483872</v>
      </c>
      <c r="N11" s="28">
        <v>783</v>
      </c>
      <c r="O11" s="87">
        <v>140</v>
      </c>
      <c r="P11" s="259">
        <v>0.17879948914431673</v>
      </c>
    </row>
    <row r="12" spans="1:16" ht="20.100000000000001" customHeight="1" thickTop="1" thickBot="1" x14ac:dyDescent="0.25">
      <c r="A12" s="189" t="s">
        <v>18</v>
      </c>
      <c r="B12" s="1">
        <v>2904</v>
      </c>
      <c r="C12" s="2">
        <v>331</v>
      </c>
      <c r="D12" s="261">
        <v>0.11398071625344353</v>
      </c>
      <c r="E12" s="116">
        <v>2941</v>
      </c>
      <c r="F12" s="98">
        <v>380</v>
      </c>
      <c r="G12" s="261">
        <v>0.1292077524651479</v>
      </c>
      <c r="H12" s="1">
        <v>2578</v>
      </c>
      <c r="I12" s="2">
        <v>519</v>
      </c>
      <c r="J12" s="261">
        <v>0.20131885182311871</v>
      </c>
      <c r="K12" s="1">
        <v>2348</v>
      </c>
      <c r="L12" s="2">
        <v>511</v>
      </c>
      <c r="M12" s="261">
        <v>0.21763202725724021</v>
      </c>
      <c r="N12" s="1">
        <v>2022</v>
      </c>
      <c r="O12" s="2">
        <v>367</v>
      </c>
      <c r="P12" s="261">
        <v>0.18150346191889219</v>
      </c>
    </row>
    <row r="13" spans="1:16" ht="20.100000000000001" customHeight="1" x14ac:dyDescent="0.2">
      <c r="A13" s="525"/>
      <c r="B13" s="280" t="s">
        <v>217</v>
      </c>
    </row>
    <row r="14" spans="1:16" ht="20.100000000000001" customHeight="1" thickBot="1" x14ac:dyDescent="0.25">
      <c r="A14" s="505" t="s">
        <v>19</v>
      </c>
    </row>
    <row r="15" spans="1:16" ht="20.100000000000001" customHeight="1" x14ac:dyDescent="0.2">
      <c r="A15" s="581" t="s">
        <v>145</v>
      </c>
      <c r="B15" s="583" t="s">
        <v>176</v>
      </c>
      <c r="C15" s="584"/>
      <c r="D15" s="585"/>
      <c r="E15" s="583" t="s">
        <v>55</v>
      </c>
      <c r="F15" s="584"/>
      <c r="G15" s="585"/>
      <c r="H15" s="583" t="s">
        <v>140</v>
      </c>
      <c r="I15" s="584"/>
      <c r="J15" s="585"/>
      <c r="K15" s="583" t="s">
        <v>141</v>
      </c>
      <c r="L15" s="584"/>
      <c r="M15" s="585"/>
      <c r="N15" s="583" t="s">
        <v>142</v>
      </c>
      <c r="O15" s="584"/>
      <c r="P15" s="585"/>
    </row>
    <row r="16" spans="1:16" ht="20.100000000000001" customHeight="1" thickBot="1" x14ac:dyDescent="0.25">
      <c r="A16" s="582"/>
      <c r="B16" s="276" t="s">
        <v>239</v>
      </c>
      <c r="C16" s="277" t="s">
        <v>240</v>
      </c>
      <c r="D16" s="278" t="s">
        <v>155</v>
      </c>
      <c r="E16" s="279" t="s">
        <v>241</v>
      </c>
      <c r="F16" s="277" t="s">
        <v>240</v>
      </c>
      <c r="G16" s="278" t="s">
        <v>155</v>
      </c>
      <c r="H16" s="279" t="s">
        <v>241</v>
      </c>
      <c r="I16" s="277" t="s">
        <v>240</v>
      </c>
      <c r="J16" s="278" t="s">
        <v>155</v>
      </c>
      <c r="K16" s="279" t="s">
        <v>241</v>
      </c>
      <c r="L16" s="277" t="s">
        <v>240</v>
      </c>
      <c r="M16" s="278" t="s">
        <v>155</v>
      </c>
      <c r="N16" s="279" t="s">
        <v>241</v>
      </c>
      <c r="O16" s="277" t="s">
        <v>240</v>
      </c>
      <c r="P16" s="278" t="s">
        <v>155</v>
      </c>
    </row>
    <row r="17" spans="1:16" ht="20.100000000000001" customHeight="1" thickTop="1" x14ac:dyDescent="0.2">
      <c r="A17" s="178" t="s">
        <v>37</v>
      </c>
      <c r="B17" s="21">
        <v>25</v>
      </c>
      <c r="C17" s="85">
        <v>5</v>
      </c>
      <c r="D17" s="256">
        <v>0.2</v>
      </c>
      <c r="E17" s="118">
        <v>25</v>
      </c>
      <c r="F17" s="179">
        <v>1</v>
      </c>
      <c r="G17" s="256">
        <v>0.04</v>
      </c>
      <c r="H17" s="118">
        <v>24</v>
      </c>
      <c r="I17" s="179">
        <v>4</v>
      </c>
      <c r="J17" s="256">
        <v>0.16666666666666666</v>
      </c>
      <c r="K17" s="118">
        <v>15</v>
      </c>
      <c r="L17" s="179">
        <v>3</v>
      </c>
      <c r="M17" s="256">
        <v>0.2</v>
      </c>
      <c r="N17" s="118">
        <v>10</v>
      </c>
      <c r="O17" s="179">
        <v>1</v>
      </c>
      <c r="P17" s="256">
        <v>0.1</v>
      </c>
    </row>
    <row r="18" spans="1:16" ht="20.100000000000001" customHeight="1" x14ac:dyDescent="0.2">
      <c r="A18" s="181" t="s">
        <v>38</v>
      </c>
      <c r="B18" s="23">
        <v>91</v>
      </c>
      <c r="C18" s="258">
        <v>9</v>
      </c>
      <c r="D18" s="256">
        <v>9.8901098901098897E-2</v>
      </c>
      <c r="E18" s="112">
        <v>83</v>
      </c>
      <c r="F18" s="182">
        <v>11</v>
      </c>
      <c r="G18" s="256">
        <v>0.13253012048192772</v>
      </c>
      <c r="H18" s="112">
        <v>76</v>
      </c>
      <c r="I18" s="182">
        <v>14</v>
      </c>
      <c r="J18" s="256">
        <v>0.18421052631578946</v>
      </c>
      <c r="K18" s="112">
        <v>72</v>
      </c>
      <c r="L18" s="182">
        <v>12</v>
      </c>
      <c r="M18" s="256">
        <v>0.16666666666666666</v>
      </c>
      <c r="N18" s="112">
        <v>69</v>
      </c>
      <c r="O18" s="182">
        <v>13</v>
      </c>
      <c r="P18" s="256">
        <v>0.18840579710144928</v>
      </c>
    </row>
    <row r="19" spans="1:16" ht="20.100000000000001" customHeight="1" x14ac:dyDescent="0.2">
      <c r="A19" s="181" t="s">
        <v>39</v>
      </c>
      <c r="B19" s="23">
        <v>2766</v>
      </c>
      <c r="C19" s="258">
        <v>311</v>
      </c>
      <c r="D19" s="256">
        <v>0.11243673174258857</v>
      </c>
      <c r="E19" s="112">
        <v>2808</v>
      </c>
      <c r="F19" s="182">
        <v>362</v>
      </c>
      <c r="G19" s="256">
        <v>0.12891737891737892</v>
      </c>
      <c r="H19" s="112">
        <v>2452</v>
      </c>
      <c r="I19" s="182">
        <v>497</v>
      </c>
      <c r="J19" s="256">
        <v>0.20269168026101142</v>
      </c>
      <c r="K19" s="112">
        <v>2251</v>
      </c>
      <c r="L19" s="182">
        <v>493</v>
      </c>
      <c r="M19" s="256">
        <v>0.21901377165704131</v>
      </c>
      <c r="N19" s="112">
        <v>1908</v>
      </c>
      <c r="O19" s="182">
        <v>345</v>
      </c>
      <c r="P19" s="256">
        <v>0.18081761006289307</v>
      </c>
    </row>
    <row r="20" spans="1:16" ht="20.100000000000001" customHeight="1" thickBot="1" x14ac:dyDescent="0.25">
      <c r="A20" s="193" t="s">
        <v>40</v>
      </c>
      <c r="B20" s="28">
        <v>22</v>
      </c>
      <c r="C20" s="87">
        <v>6</v>
      </c>
      <c r="D20" s="259">
        <v>0.27272727272727271</v>
      </c>
      <c r="E20" s="114">
        <v>25</v>
      </c>
      <c r="F20" s="194">
        <v>6</v>
      </c>
      <c r="G20" s="259">
        <v>0.24</v>
      </c>
      <c r="H20" s="114">
        <v>26</v>
      </c>
      <c r="I20" s="194">
        <v>4</v>
      </c>
      <c r="J20" s="259">
        <v>0.15384615384615385</v>
      </c>
      <c r="K20" s="114">
        <v>10</v>
      </c>
      <c r="L20" s="194">
        <v>3</v>
      </c>
      <c r="M20" s="259">
        <v>0.3</v>
      </c>
      <c r="N20" s="114">
        <v>35</v>
      </c>
      <c r="O20" s="194">
        <v>8</v>
      </c>
      <c r="P20" s="259">
        <v>0.22857142857142856</v>
      </c>
    </row>
    <row r="21" spans="1:16" ht="20.100000000000001" customHeight="1" thickTop="1" thickBot="1" x14ac:dyDescent="0.25">
      <c r="A21" s="189" t="s">
        <v>214</v>
      </c>
      <c r="B21" s="1">
        <v>2904</v>
      </c>
      <c r="C21" s="2">
        <v>331</v>
      </c>
      <c r="D21" s="261">
        <v>0.11398071625344353</v>
      </c>
      <c r="E21" s="95">
        <v>2941</v>
      </c>
      <c r="F21" s="96">
        <v>380</v>
      </c>
      <c r="G21" s="261">
        <v>0.1292077524651479</v>
      </c>
      <c r="H21" s="95">
        <v>2578</v>
      </c>
      <c r="I21" s="96">
        <v>519</v>
      </c>
      <c r="J21" s="261">
        <v>0.20131885182311871</v>
      </c>
      <c r="K21" s="95">
        <v>2348</v>
      </c>
      <c r="L21" s="96">
        <v>511</v>
      </c>
      <c r="M21" s="261">
        <v>0.21763202725724021</v>
      </c>
      <c r="N21" s="95">
        <v>2022</v>
      </c>
      <c r="O21" s="96">
        <v>367</v>
      </c>
      <c r="P21" s="261">
        <v>0.18150346191889219</v>
      </c>
    </row>
    <row r="22" spans="1:16" ht="20.100000000000001" customHeight="1" x14ac:dyDescent="0.2">
      <c r="A22" s="525"/>
      <c r="C22" s="38"/>
      <c r="D22" s="281"/>
      <c r="E22" s="38"/>
      <c r="F22" s="38"/>
      <c r="G22" s="281"/>
      <c r="H22" s="38"/>
      <c r="I22" s="38"/>
      <c r="J22" s="281"/>
      <c r="K22" s="38"/>
      <c r="L22" s="38"/>
      <c r="M22" s="281"/>
      <c r="N22" s="282"/>
      <c r="O22" s="282"/>
      <c r="P22" s="281"/>
    </row>
    <row r="23" spans="1:16" ht="20.100000000000001" customHeight="1" thickBot="1" x14ac:dyDescent="0.25">
      <c r="A23" s="505" t="s">
        <v>143</v>
      </c>
    </row>
    <row r="24" spans="1:16" ht="20.100000000000001" customHeight="1" x14ac:dyDescent="0.2">
      <c r="A24" s="581" t="s">
        <v>144</v>
      </c>
      <c r="B24" s="583" t="s">
        <v>176</v>
      </c>
      <c r="C24" s="584"/>
      <c r="D24" s="585"/>
      <c r="E24" s="583" t="s">
        <v>55</v>
      </c>
      <c r="F24" s="584"/>
      <c r="G24" s="585"/>
      <c r="H24" s="583" t="s">
        <v>140</v>
      </c>
      <c r="I24" s="584"/>
      <c r="J24" s="585"/>
      <c r="K24" s="583" t="s">
        <v>141</v>
      </c>
      <c r="L24" s="584"/>
      <c r="M24" s="585"/>
      <c r="N24" s="583" t="s">
        <v>142</v>
      </c>
      <c r="O24" s="584"/>
      <c r="P24" s="585"/>
    </row>
    <row r="25" spans="1:16" ht="20.100000000000001" customHeight="1" thickBot="1" x14ac:dyDescent="0.25">
      <c r="A25" s="582"/>
      <c r="B25" s="276" t="s">
        <v>239</v>
      </c>
      <c r="C25" s="277" t="s">
        <v>240</v>
      </c>
      <c r="D25" s="278" t="s">
        <v>155</v>
      </c>
      <c r="E25" s="279" t="s">
        <v>241</v>
      </c>
      <c r="F25" s="277" t="s">
        <v>240</v>
      </c>
      <c r="G25" s="278" t="s">
        <v>155</v>
      </c>
      <c r="H25" s="279" t="s">
        <v>241</v>
      </c>
      <c r="I25" s="277" t="s">
        <v>240</v>
      </c>
      <c r="J25" s="278" t="s">
        <v>155</v>
      </c>
      <c r="K25" s="279" t="s">
        <v>241</v>
      </c>
      <c r="L25" s="277" t="s">
        <v>240</v>
      </c>
      <c r="M25" s="278" t="s">
        <v>155</v>
      </c>
      <c r="N25" s="279" t="s">
        <v>241</v>
      </c>
      <c r="O25" s="277" t="s">
        <v>240</v>
      </c>
      <c r="P25" s="278" t="s">
        <v>155</v>
      </c>
    </row>
    <row r="26" spans="1:16" ht="20.100000000000001" customHeight="1" thickTop="1" x14ac:dyDescent="0.2">
      <c r="A26" s="178" t="s">
        <v>42</v>
      </c>
      <c r="B26" s="21">
        <v>1441</v>
      </c>
      <c r="C26" s="85">
        <v>168</v>
      </c>
      <c r="D26" s="256">
        <v>0.11658570437196392</v>
      </c>
      <c r="E26" s="118">
        <v>1363</v>
      </c>
      <c r="F26" s="179">
        <v>152</v>
      </c>
      <c r="G26" s="256">
        <v>0.11151870873074102</v>
      </c>
      <c r="H26" s="118">
        <v>1138</v>
      </c>
      <c r="I26" s="179">
        <v>235</v>
      </c>
      <c r="J26" s="256">
        <v>0.20650263620386644</v>
      </c>
      <c r="K26" s="118">
        <v>1011</v>
      </c>
      <c r="L26" s="179">
        <v>208</v>
      </c>
      <c r="M26" s="256">
        <v>0.20573689416419386</v>
      </c>
      <c r="N26" s="118">
        <v>943</v>
      </c>
      <c r="O26" s="179">
        <v>177</v>
      </c>
      <c r="P26" s="256">
        <v>0.18769883351007424</v>
      </c>
    </row>
    <row r="27" spans="1:16" ht="20.100000000000001" customHeight="1" x14ac:dyDescent="0.2">
      <c r="A27" s="181" t="s">
        <v>43</v>
      </c>
      <c r="B27" s="23">
        <v>565</v>
      </c>
      <c r="C27" s="258">
        <v>62</v>
      </c>
      <c r="D27" s="256">
        <v>0.10973451327433628</v>
      </c>
      <c r="E27" s="112">
        <v>603</v>
      </c>
      <c r="F27" s="182">
        <v>100</v>
      </c>
      <c r="G27" s="256">
        <v>0.16583747927031509</v>
      </c>
      <c r="H27" s="112">
        <v>537</v>
      </c>
      <c r="I27" s="182">
        <v>110</v>
      </c>
      <c r="J27" s="256">
        <v>0.2048417132216015</v>
      </c>
      <c r="K27" s="112">
        <v>476</v>
      </c>
      <c r="L27" s="182">
        <v>113</v>
      </c>
      <c r="M27" s="256">
        <v>0.23739495798319327</v>
      </c>
      <c r="N27" s="112">
        <v>403</v>
      </c>
      <c r="O27" s="182">
        <v>67</v>
      </c>
      <c r="P27" s="256">
        <v>0.16625310173697269</v>
      </c>
    </row>
    <row r="28" spans="1:16" ht="20.100000000000001" customHeight="1" x14ac:dyDescent="0.2">
      <c r="A28" s="181" t="s">
        <v>44</v>
      </c>
      <c r="B28" s="23">
        <v>259</v>
      </c>
      <c r="C28" s="258">
        <v>28</v>
      </c>
      <c r="D28" s="256">
        <v>0.10810810810810811</v>
      </c>
      <c r="E28" s="112">
        <v>241</v>
      </c>
      <c r="F28" s="182">
        <v>27</v>
      </c>
      <c r="G28" s="256">
        <v>0.11203319502074689</v>
      </c>
      <c r="H28" s="112">
        <v>206</v>
      </c>
      <c r="I28" s="182">
        <v>39</v>
      </c>
      <c r="J28" s="256">
        <v>0.18932038834951456</v>
      </c>
      <c r="K28" s="112">
        <v>210</v>
      </c>
      <c r="L28" s="182">
        <v>38</v>
      </c>
      <c r="M28" s="256">
        <v>0.18095238095238095</v>
      </c>
      <c r="N28" s="112">
        <v>148</v>
      </c>
      <c r="O28" s="182">
        <v>21</v>
      </c>
      <c r="P28" s="256">
        <v>0.14189189189189189</v>
      </c>
    </row>
    <row r="29" spans="1:16" ht="20.100000000000001" customHeight="1" x14ac:dyDescent="0.2">
      <c r="A29" s="181" t="s">
        <v>45</v>
      </c>
      <c r="B29" s="23">
        <v>158</v>
      </c>
      <c r="C29" s="258">
        <v>22</v>
      </c>
      <c r="D29" s="256">
        <v>0.13924050632911392</v>
      </c>
      <c r="E29" s="112">
        <v>121</v>
      </c>
      <c r="F29" s="182">
        <v>12</v>
      </c>
      <c r="G29" s="256">
        <v>9.9173553719008267E-2</v>
      </c>
      <c r="H29" s="112">
        <v>134</v>
      </c>
      <c r="I29" s="182">
        <v>20</v>
      </c>
      <c r="J29" s="256">
        <v>0.14925373134328357</v>
      </c>
      <c r="K29" s="112">
        <v>138</v>
      </c>
      <c r="L29" s="182">
        <v>33</v>
      </c>
      <c r="M29" s="256">
        <v>0.2391304347826087</v>
      </c>
      <c r="N29" s="112">
        <v>98</v>
      </c>
      <c r="O29" s="182">
        <v>21</v>
      </c>
      <c r="P29" s="256">
        <v>0.21428571428571427</v>
      </c>
    </row>
    <row r="30" spans="1:16" ht="20.100000000000001" customHeight="1" x14ac:dyDescent="0.2">
      <c r="A30" s="181" t="s">
        <v>46</v>
      </c>
      <c r="B30" s="23">
        <v>57</v>
      </c>
      <c r="C30" s="258">
        <v>8</v>
      </c>
      <c r="D30" s="256">
        <v>0.14035087719298245</v>
      </c>
      <c r="E30" s="112">
        <v>83</v>
      </c>
      <c r="F30" s="182">
        <v>16</v>
      </c>
      <c r="G30" s="256">
        <v>0.19277108433734941</v>
      </c>
      <c r="H30" s="112">
        <v>76</v>
      </c>
      <c r="I30" s="182">
        <v>11</v>
      </c>
      <c r="J30" s="256">
        <v>0.14473684210526316</v>
      </c>
      <c r="K30" s="112">
        <v>76</v>
      </c>
      <c r="L30" s="182">
        <v>15</v>
      </c>
      <c r="M30" s="256">
        <v>0.19736842105263158</v>
      </c>
      <c r="N30" s="112">
        <v>86</v>
      </c>
      <c r="O30" s="182">
        <v>14</v>
      </c>
      <c r="P30" s="256">
        <v>0.16279069767441862</v>
      </c>
    </row>
    <row r="31" spans="1:16" ht="20.100000000000001" customHeight="1" x14ac:dyDescent="0.2">
      <c r="A31" s="181" t="s">
        <v>47</v>
      </c>
      <c r="B31" s="23">
        <v>174</v>
      </c>
      <c r="C31" s="258">
        <v>15</v>
      </c>
      <c r="D31" s="256">
        <v>8.6206896551724144E-2</v>
      </c>
      <c r="E31" s="112">
        <v>236</v>
      </c>
      <c r="F31" s="182">
        <v>24</v>
      </c>
      <c r="G31" s="256">
        <v>0.10169491525423729</v>
      </c>
      <c r="H31" s="112">
        <v>234</v>
      </c>
      <c r="I31" s="182">
        <v>42</v>
      </c>
      <c r="J31" s="256">
        <v>0.17948717948717949</v>
      </c>
      <c r="K31" s="112">
        <v>195</v>
      </c>
      <c r="L31" s="182">
        <v>52</v>
      </c>
      <c r="M31" s="256">
        <v>0.26666666666666666</v>
      </c>
      <c r="N31" s="112">
        <v>125</v>
      </c>
      <c r="O31" s="182">
        <v>33</v>
      </c>
      <c r="P31" s="256">
        <v>0.26400000000000001</v>
      </c>
    </row>
    <row r="32" spans="1:16" ht="20.100000000000001" customHeight="1" x14ac:dyDescent="0.2">
      <c r="A32" s="181" t="s">
        <v>48</v>
      </c>
      <c r="B32" s="23">
        <v>192</v>
      </c>
      <c r="C32" s="258">
        <v>19</v>
      </c>
      <c r="D32" s="256">
        <v>9.8958333333333329E-2</v>
      </c>
      <c r="E32" s="112">
        <v>243</v>
      </c>
      <c r="F32" s="182">
        <v>41</v>
      </c>
      <c r="G32" s="256">
        <v>0.16872427983539096</v>
      </c>
      <c r="H32" s="112">
        <v>203</v>
      </c>
      <c r="I32" s="182">
        <v>37</v>
      </c>
      <c r="J32" s="256">
        <v>0.18226600985221675</v>
      </c>
      <c r="K32" s="112">
        <v>209</v>
      </c>
      <c r="L32" s="182">
        <v>43</v>
      </c>
      <c r="M32" s="256">
        <v>0.20574162679425836</v>
      </c>
      <c r="N32" s="112">
        <v>193</v>
      </c>
      <c r="O32" s="182">
        <v>32</v>
      </c>
      <c r="P32" s="256">
        <v>0.16580310880829016</v>
      </c>
    </row>
    <row r="33" spans="1:16" ht="20.100000000000001" customHeight="1" thickBot="1" x14ac:dyDescent="0.25">
      <c r="A33" s="283" t="s">
        <v>49</v>
      </c>
      <c r="B33" s="28">
        <v>58</v>
      </c>
      <c r="C33" s="87">
        <v>9</v>
      </c>
      <c r="D33" s="256">
        <v>0.15517241379310345</v>
      </c>
      <c r="E33" s="284">
        <v>51</v>
      </c>
      <c r="F33" s="182">
        <v>8</v>
      </c>
      <c r="G33" s="256">
        <v>0.15686274509803921</v>
      </c>
      <c r="H33" s="284">
        <v>50</v>
      </c>
      <c r="I33" s="182">
        <v>25</v>
      </c>
      <c r="J33" s="256">
        <v>0.5</v>
      </c>
      <c r="K33" s="284">
        <v>33</v>
      </c>
      <c r="L33" s="182">
        <v>9</v>
      </c>
      <c r="M33" s="256">
        <v>0.27272727272727271</v>
      </c>
      <c r="N33" s="284">
        <v>26</v>
      </c>
      <c r="O33" s="182">
        <v>2</v>
      </c>
      <c r="P33" s="256">
        <v>7.6923076923076927E-2</v>
      </c>
    </row>
    <row r="34" spans="1:16" ht="20.100000000000001" customHeight="1" thickTop="1" thickBot="1" x14ac:dyDescent="0.25">
      <c r="A34" s="260" t="s">
        <v>18</v>
      </c>
      <c r="B34" s="1">
        <v>2904</v>
      </c>
      <c r="C34" s="2">
        <v>331</v>
      </c>
      <c r="D34" s="261">
        <v>0.11398071625344353</v>
      </c>
      <c r="E34" s="95">
        <v>2941</v>
      </c>
      <c r="F34" s="98">
        <v>380</v>
      </c>
      <c r="G34" s="261">
        <v>0.1292077524651479</v>
      </c>
      <c r="H34" s="95">
        <v>2578</v>
      </c>
      <c r="I34" s="98">
        <v>519</v>
      </c>
      <c r="J34" s="261">
        <v>0.20131885182311871</v>
      </c>
      <c r="K34" s="95">
        <v>2348</v>
      </c>
      <c r="L34" s="98">
        <v>511</v>
      </c>
      <c r="M34" s="261">
        <v>0.21763202725724021</v>
      </c>
      <c r="N34" s="95">
        <v>2022</v>
      </c>
      <c r="O34" s="98">
        <v>367</v>
      </c>
      <c r="P34" s="261">
        <v>0.18150346191889219</v>
      </c>
    </row>
  </sheetData>
  <mergeCells count="18">
    <mergeCell ref="H15:J15"/>
    <mergeCell ref="K15:M15"/>
    <mergeCell ref="N15:P15"/>
    <mergeCell ref="A4:A5"/>
    <mergeCell ref="H4:J4"/>
    <mergeCell ref="K4:M4"/>
    <mergeCell ref="N4:P4"/>
    <mergeCell ref="B4:D4"/>
    <mergeCell ref="E4:G4"/>
    <mergeCell ref="A15:A16"/>
    <mergeCell ref="B15:D15"/>
    <mergeCell ref="E15:G15"/>
    <mergeCell ref="N24:P24"/>
    <mergeCell ref="A24:A25"/>
    <mergeCell ref="B24:D24"/>
    <mergeCell ref="E24:G24"/>
    <mergeCell ref="H24:J24"/>
    <mergeCell ref="K24:M24"/>
  </mergeCells>
  <phoneticPr fontId="1"/>
  <printOptions horizontalCentered="1"/>
  <pageMargins left="0.19685039370078741" right="0.19685039370078741" top="0.74803149606299213" bottom="0.74803149606299213" header="0.31496062992125984" footer="0.31496062992125984"/>
  <pageSetup paperSize="9" scale="66" orientation="landscape" r:id="rId1"/>
  <headerFooter>
    <oddFooter>&amp;C&amp;P</oddFoot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68"/>
  <sheetViews>
    <sheetView showWhiteSpace="0" view="pageBreakPreview" zoomScale="80" zoomScaleNormal="80" zoomScaleSheetLayoutView="80" zoomScalePageLayoutView="50" workbookViewId="0"/>
  </sheetViews>
  <sheetFormatPr defaultColWidth="10.59765625" defaultRowHeight="20.100000000000001" customHeight="1" x14ac:dyDescent="0.2"/>
  <cols>
    <col min="1" max="1" width="14.59765625" style="505" customWidth="1"/>
    <col min="2" max="5" width="10.59765625" style="505"/>
    <col min="6" max="6" width="10.59765625" style="505" customWidth="1"/>
    <col min="7" max="16384" width="10.59765625" style="505"/>
  </cols>
  <sheetData>
    <row r="1" spans="1:24" ht="20.100000000000001" customHeight="1" x14ac:dyDescent="0.2">
      <c r="A1" s="130" t="s">
        <v>83</v>
      </c>
    </row>
    <row r="2" spans="1:24" ht="12" customHeight="1" x14ac:dyDescent="0.2">
      <c r="A2" s="252"/>
    </row>
    <row r="3" spans="1:24" ht="20.100000000000001" customHeight="1" thickBot="1" x14ac:dyDescent="0.25">
      <c r="A3" s="505" t="s">
        <v>169</v>
      </c>
    </row>
    <row r="4" spans="1:24" ht="27" customHeight="1" thickBot="1" x14ac:dyDescent="0.25">
      <c r="A4" s="539" t="s">
        <v>6</v>
      </c>
      <c r="B4" s="285" t="s">
        <v>230</v>
      </c>
      <c r="C4" s="286" t="s">
        <v>129</v>
      </c>
      <c r="D4" s="287" t="s">
        <v>56</v>
      </c>
      <c r="E4" s="288" t="s">
        <v>293</v>
      </c>
      <c r="F4" s="287" t="s">
        <v>57</v>
      </c>
      <c r="G4" s="289" t="s">
        <v>289</v>
      </c>
      <c r="H4" s="289" t="s">
        <v>290</v>
      </c>
      <c r="I4" s="288" t="s">
        <v>386</v>
      </c>
      <c r="J4" s="289" t="s">
        <v>69</v>
      </c>
      <c r="K4" s="289" t="s">
        <v>70</v>
      </c>
      <c r="L4" s="289" t="s">
        <v>294</v>
      </c>
      <c r="M4" s="290" t="s">
        <v>71</v>
      </c>
      <c r="N4" s="289" t="s">
        <v>295</v>
      </c>
      <c r="O4" s="291" t="s">
        <v>291</v>
      </c>
      <c r="P4" s="290" t="s">
        <v>292</v>
      </c>
      <c r="Q4" s="292" t="s">
        <v>58</v>
      </c>
    </row>
    <row r="5" spans="1:24" ht="20.100000000000001" customHeight="1" thickTop="1" x14ac:dyDescent="0.2">
      <c r="A5" s="293" t="s">
        <v>89</v>
      </c>
      <c r="B5" s="294">
        <v>41</v>
      </c>
      <c r="C5" s="295">
        <v>15</v>
      </c>
      <c r="D5" s="296">
        <v>5</v>
      </c>
      <c r="E5" s="297">
        <v>11</v>
      </c>
      <c r="F5" s="297">
        <v>5</v>
      </c>
      <c r="G5" s="297">
        <v>18</v>
      </c>
      <c r="H5" s="297">
        <v>14</v>
      </c>
      <c r="I5" s="297">
        <v>26</v>
      </c>
      <c r="J5" s="297">
        <v>26</v>
      </c>
      <c r="K5" s="297">
        <v>1</v>
      </c>
      <c r="L5" s="297">
        <v>12</v>
      </c>
      <c r="M5" s="297">
        <v>12</v>
      </c>
      <c r="N5" s="297">
        <v>16</v>
      </c>
      <c r="O5" s="298">
        <v>121</v>
      </c>
      <c r="P5" s="295">
        <v>22</v>
      </c>
      <c r="Q5" s="53">
        <v>304</v>
      </c>
    </row>
    <row r="6" spans="1:24" ht="20.100000000000001" customHeight="1" x14ac:dyDescent="0.2">
      <c r="A6" s="528" t="s">
        <v>90</v>
      </c>
      <c r="B6" s="299">
        <v>70</v>
      </c>
      <c r="C6" s="300">
        <v>23</v>
      </c>
      <c r="D6" s="301">
        <v>22</v>
      </c>
      <c r="E6" s="302">
        <v>36</v>
      </c>
      <c r="F6" s="302">
        <v>19</v>
      </c>
      <c r="G6" s="302">
        <v>85</v>
      </c>
      <c r="H6" s="302">
        <v>71</v>
      </c>
      <c r="I6" s="302">
        <v>63</v>
      </c>
      <c r="J6" s="302">
        <v>97</v>
      </c>
      <c r="K6" s="302">
        <v>1</v>
      </c>
      <c r="L6" s="302">
        <v>34</v>
      </c>
      <c r="M6" s="302">
        <v>40</v>
      </c>
      <c r="N6" s="302">
        <v>35</v>
      </c>
      <c r="O6" s="303">
        <v>501</v>
      </c>
      <c r="P6" s="300">
        <v>115</v>
      </c>
      <c r="Q6" s="53">
        <v>1142</v>
      </c>
    </row>
    <row r="7" spans="1:24" ht="20.100000000000001" customHeight="1" x14ac:dyDescent="0.2">
      <c r="A7" s="528" t="s">
        <v>91</v>
      </c>
      <c r="B7" s="299">
        <v>40</v>
      </c>
      <c r="C7" s="300">
        <v>22</v>
      </c>
      <c r="D7" s="301">
        <v>25</v>
      </c>
      <c r="E7" s="302">
        <v>75</v>
      </c>
      <c r="F7" s="302">
        <v>12</v>
      </c>
      <c r="G7" s="302">
        <v>61</v>
      </c>
      <c r="H7" s="302">
        <v>62</v>
      </c>
      <c r="I7" s="302">
        <v>43</v>
      </c>
      <c r="J7" s="302">
        <v>108</v>
      </c>
      <c r="K7" s="302">
        <v>3</v>
      </c>
      <c r="L7" s="302">
        <v>21</v>
      </c>
      <c r="M7" s="302">
        <v>14</v>
      </c>
      <c r="N7" s="302">
        <v>41</v>
      </c>
      <c r="O7" s="303">
        <v>397</v>
      </c>
      <c r="P7" s="300">
        <v>130</v>
      </c>
      <c r="Q7" s="53">
        <v>1014</v>
      </c>
    </row>
    <row r="8" spans="1:24" ht="20.100000000000001" customHeight="1" x14ac:dyDescent="0.2">
      <c r="A8" s="528" t="s">
        <v>92</v>
      </c>
      <c r="B8" s="299">
        <v>27</v>
      </c>
      <c r="C8" s="300">
        <v>21</v>
      </c>
      <c r="D8" s="301">
        <v>45</v>
      </c>
      <c r="E8" s="302">
        <v>45</v>
      </c>
      <c r="F8" s="302">
        <v>14</v>
      </c>
      <c r="G8" s="302">
        <v>73</v>
      </c>
      <c r="H8" s="302">
        <v>106</v>
      </c>
      <c r="I8" s="302">
        <v>44</v>
      </c>
      <c r="J8" s="302">
        <v>95</v>
      </c>
      <c r="K8" s="302">
        <v>3</v>
      </c>
      <c r="L8" s="302">
        <v>35</v>
      </c>
      <c r="M8" s="302">
        <v>18</v>
      </c>
      <c r="N8" s="302">
        <v>30</v>
      </c>
      <c r="O8" s="303">
        <v>346</v>
      </c>
      <c r="P8" s="300">
        <v>65</v>
      </c>
      <c r="Q8" s="53">
        <v>940</v>
      </c>
    </row>
    <row r="9" spans="1:24" ht="20.100000000000001" customHeight="1" x14ac:dyDescent="0.2">
      <c r="A9" s="528" t="s">
        <v>93</v>
      </c>
      <c r="B9" s="299">
        <v>15</v>
      </c>
      <c r="C9" s="300">
        <v>24</v>
      </c>
      <c r="D9" s="301">
        <v>29</v>
      </c>
      <c r="E9" s="302">
        <v>40</v>
      </c>
      <c r="F9" s="302">
        <v>31</v>
      </c>
      <c r="G9" s="302">
        <v>54</v>
      </c>
      <c r="H9" s="302">
        <v>32</v>
      </c>
      <c r="I9" s="302">
        <v>35</v>
      </c>
      <c r="J9" s="302">
        <v>74</v>
      </c>
      <c r="K9" s="302">
        <v>0</v>
      </c>
      <c r="L9" s="302">
        <v>18</v>
      </c>
      <c r="M9" s="302">
        <v>8</v>
      </c>
      <c r="N9" s="302">
        <v>7</v>
      </c>
      <c r="O9" s="303">
        <v>254</v>
      </c>
      <c r="P9" s="300">
        <v>139</v>
      </c>
      <c r="Q9" s="53">
        <v>745</v>
      </c>
    </row>
    <row r="10" spans="1:24" ht="20.100000000000001" customHeight="1" thickBot="1" x14ac:dyDescent="0.25">
      <c r="A10" s="529" t="s">
        <v>13</v>
      </c>
      <c r="B10" s="304">
        <v>20</v>
      </c>
      <c r="C10" s="305">
        <v>63</v>
      </c>
      <c r="D10" s="306">
        <v>110</v>
      </c>
      <c r="E10" s="307">
        <v>87</v>
      </c>
      <c r="F10" s="307">
        <v>43</v>
      </c>
      <c r="G10" s="307">
        <v>78</v>
      </c>
      <c r="H10" s="307">
        <v>150</v>
      </c>
      <c r="I10" s="307">
        <v>63</v>
      </c>
      <c r="J10" s="307">
        <v>169</v>
      </c>
      <c r="K10" s="307">
        <v>4</v>
      </c>
      <c r="L10" s="307">
        <v>44</v>
      </c>
      <c r="M10" s="307">
        <v>12</v>
      </c>
      <c r="N10" s="307">
        <v>43</v>
      </c>
      <c r="O10" s="308">
        <v>725</v>
      </c>
      <c r="P10" s="300">
        <v>194</v>
      </c>
      <c r="Q10" s="33">
        <v>1785</v>
      </c>
    </row>
    <row r="11" spans="1:24" ht="20.100000000000001" customHeight="1" thickTop="1" thickBot="1" x14ac:dyDescent="0.25">
      <c r="A11" s="526" t="s">
        <v>59</v>
      </c>
      <c r="B11" s="74">
        <v>213</v>
      </c>
      <c r="C11" s="75">
        <v>168</v>
      </c>
      <c r="D11" s="75">
        <v>236</v>
      </c>
      <c r="E11" s="75">
        <v>294</v>
      </c>
      <c r="F11" s="75">
        <v>124</v>
      </c>
      <c r="G11" s="75">
        <v>369</v>
      </c>
      <c r="H11" s="75">
        <v>435</v>
      </c>
      <c r="I11" s="75">
        <v>274</v>
      </c>
      <c r="J11" s="75">
        <v>569</v>
      </c>
      <c r="K11" s="75">
        <v>12</v>
      </c>
      <c r="L11" s="75">
        <v>164</v>
      </c>
      <c r="M11" s="75">
        <v>104</v>
      </c>
      <c r="N11" s="75">
        <v>172</v>
      </c>
      <c r="O11" s="75">
        <v>2344</v>
      </c>
      <c r="P11" s="76">
        <v>665</v>
      </c>
      <c r="Q11" s="54">
        <v>5930</v>
      </c>
    </row>
    <row r="12" spans="1:24" ht="20.100000000000001" customHeight="1" thickTop="1" thickBot="1" x14ac:dyDescent="0.25">
      <c r="A12" s="309" t="s">
        <v>173</v>
      </c>
      <c r="B12" s="310"/>
      <c r="C12" s="108">
        <v>2.8330522765598651E-2</v>
      </c>
      <c r="D12" s="107">
        <v>3.9797639123102864E-2</v>
      </c>
      <c r="E12" s="107">
        <v>4.9578414839797642E-2</v>
      </c>
      <c r="F12" s="107">
        <v>2.0910623946037099E-2</v>
      </c>
      <c r="G12" s="107">
        <v>6.2225969645868469E-2</v>
      </c>
      <c r="H12" s="107">
        <v>7.3355817875210796E-2</v>
      </c>
      <c r="I12" s="107">
        <v>4.6205733558178697E-2</v>
      </c>
      <c r="J12" s="107">
        <v>9.5952782462057337E-2</v>
      </c>
      <c r="K12" s="107">
        <v>2.023608768971332E-3</v>
      </c>
      <c r="L12" s="107">
        <v>2.7655986509274873E-2</v>
      </c>
      <c r="M12" s="107">
        <v>1.7537942664418212E-2</v>
      </c>
      <c r="N12" s="107">
        <v>2.9005059021922429E-2</v>
      </c>
      <c r="O12" s="107">
        <v>0.39527824620573354</v>
      </c>
      <c r="P12" s="108">
        <v>0.112141652613828</v>
      </c>
      <c r="Q12" s="109">
        <v>1</v>
      </c>
    </row>
    <row r="13" spans="1:24" ht="12" customHeight="1" x14ac:dyDescent="0.2">
      <c r="A13" s="525"/>
      <c r="C13" s="58"/>
      <c r="D13" s="58"/>
      <c r="E13" s="58"/>
      <c r="F13" s="58"/>
      <c r="G13" s="58"/>
      <c r="H13" s="58"/>
      <c r="I13" s="58"/>
      <c r="J13" s="58"/>
      <c r="K13" s="58"/>
      <c r="L13" s="58"/>
      <c r="M13" s="58"/>
      <c r="N13" s="58"/>
      <c r="O13" s="58"/>
      <c r="P13" s="58"/>
      <c r="Q13" s="59"/>
    </row>
    <row r="14" spans="1:24" ht="20.100000000000001" customHeight="1" thickBot="1" x14ac:dyDescent="0.25">
      <c r="A14" s="505" t="s">
        <v>226</v>
      </c>
      <c r="C14" s="58"/>
      <c r="D14" s="58"/>
      <c r="F14" s="58"/>
      <c r="H14" s="505" t="s">
        <v>308</v>
      </c>
      <c r="J14" s="58"/>
      <c r="K14" s="58"/>
      <c r="L14" s="58"/>
      <c r="N14" s="58"/>
      <c r="O14" s="58"/>
      <c r="P14" s="58" t="s">
        <v>310</v>
      </c>
      <c r="Q14" s="58"/>
      <c r="R14" s="58"/>
      <c r="S14" s="58"/>
      <c r="T14" s="58"/>
      <c r="U14" s="59"/>
      <c r="X14" s="505" t="s">
        <v>251</v>
      </c>
    </row>
    <row r="15" spans="1:24" ht="20.100000000000001" customHeight="1" thickBot="1" x14ac:dyDescent="0.25">
      <c r="A15" s="539" t="s">
        <v>6</v>
      </c>
      <c r="B15" s="285" t="s">
        <v>230</v>
      </c>
      <c r="C15" s="311" t="s">
        <v>307</v>
      </c>
      <c r="D15" s="312" t="s">
        <v>385</v>
      </c>
      <c r="E15" s="313" t="s">
        <v>72</v>
      </c>
      <c r="F15" s="314" t="s">
        <v>58</v>
      </c>
      <c r="H15" s="539" t="s">
        <v>6</v>
      </c>
      <c r="I15" s="285" t="s">
        <v>230</v>
      </c>
      <c r="J15" s="312" t="s">
        <v>159</v>
      </c>
      <c r="K15" s="312" t="s">
        <v>160</v>
      </c>
      <c r="L15" s="315" t="s">
        <v>309</v>
      </c>
      <c r="M15" s="313" t="s">
        <v>72</v>
      </c>
      <c r="N15" s="314" t="s">
        <v>58</v>
      </c>
      <c r="O15" s="368"/>
      <c r="P15" s="661" t="s">
        <v>130</v>
      </c>
      <c r="Q15" s="662"/>
      <c r="R15" s="540" t="s">
        <v>95</v>
      </c>
      <c r="S15" s="537" t="s">
        <v>173</v>
      </c>
    </row>
    <row r="16" spans="1:24" ht="20.100000000000001" customHeight="1" thickTop="1" x14ac:dyDescent="0.2">
      <c r="A16" s="293" t="s">
        <v>89</v>
      </c>
      <c r="B16" s="294">
        <v>41</v>
      </c>
      <c r="C16" s="316">
        <v>6</v>
      </c>
      <c r="D16" s="296">
        <v>143</v>
      </c>
      <c r="E16" s="296">
        <v>128</v>
      </c>
      <c r="F16" s="317">
        <v>277</v>
      </c>
      <c r="H16" s="293" t="s">
        <v>89</v>
      </c>
      <c r="I16" s="294">
        <v>41</v>
      </c>
      <c r="J16" s="295">
        <v>115</v>
      </c>
      <c r="K16" s="296">
        <v>20</v>
      </c>
      <c r="L16" s="297">
        <v>24</v>
      </c>
      <c r="M16" s="296">
        <v>118</v>
      </c>
      <c r="N16" s="317">
        <v>277</v>
      </c>
      <c r="O16" s="368"/>
      <c r="P16" s="663" t="s">
        <v>311</v>
      </c>
      <c r="Q16" s="664"/>
      <c r="R16" s="318">
        <v>500</v>
      </c>
      <c r="S16" s="60">
        <v>0.61957868649318459</v>
      </c>
    </row>
    <row r="17" spans="1:23" ht="20.100000000000001" customHeight="1" x14ac:dyDescent="0.2">
      <c r="A17" s="528" t="s">
        <v>90</v>
      </c>
      <c r="B17" s="299">
        <v>70</v>
      </c>
      <c r="C17" s="319">
        <v>27</v>
      </c>
      <c r="D17" s="301">
        <v>366</v>
      </c>
      <c r="E17" s="301">
        <v>619</v>
      </c>
      <c r="F17" s="320">
        <v>1012</v>
      </c>
      <c r="H17" s="528" t="s">
        <v>90</v>
      </c>
      <c r="I17" s="299">
        <v>70</v>
      </c>
      <c r="J17" s="300">
        <v>186</v>
      </c>
      <c r="K17" s="301">
        <v>71</v>
      </c>
      <c r="L17" s="302">
        <v>72</v>
      </c>
      <c r="M17" s="301">
        <v>623</v>
      </c>
      <c r="N17" s="320">
        <v>952</v>
      </c>
      <c r="O17" s="282"/>
      <c r="P17" s="628" t="s">
        <v>146</v>
      </c>
      <c r="Q17" s="630"/>
      <c r="R17" s="321">
        <v>85</v>
      </c>
      <c r="S17" s="60">
        <v>0.10532837670384139</v>
      </c>
    </row>
    <row r="18" spans="1:23" ht="20.100000000000001" customHeight="1" x14ac:dyDescent="0.2">
      <c r="A18" s="528" t="s">
        <v>91</v>
      </c>
      <c r="B18" s="299">
        <v>40</v>
      </c>
      <c r="C18" s="319">
        <v>28</v>
      </c>
      <c r="D18" s="301">
        <v>297</v>
      </c>
      <c r="E18" s="301">
        <v>648</v>
      </c>
      <c r="F18" s="320">
        <v>973</v>
      </c>
      <c r="H18" s="528" t="s">
        <v>91</v>
      </c>
      <c r="I18" s="299">
        <v>40</v>
      </c>
      <c r="J18" s="300">
        <v>128</v>
      </c>
      <c r="K18" s="301">
        <v>74</v>
      </c>
      <c r="L18" s="302">
        <v>78</v>
      </c>
      <c r="M18" s="301">
        <v>666</v>
      </c>
      <c r="N18" s="320">
        <v>946</v>
      </c>
      <c r="O18" s="282"/>
      <c r="P18" s="628" t="s">
        <v>147</v>
      </c>
      <c r="Q18" s="630"/>
      <c r="R18" s="321">
        <v>41</v>
      </c>
      <c r="S18" s="60">
        <v>5.0805452292441142E-2</v>
      </c>
    </row>
    <row r="19" spans="1:23" ht="20.100000000000001" customHeight="1" x14ac:dyDescent="0.2">
      <c r="A19" s="528" t="s">
        <v>92</v>
      </c>
      <c r="B19" s="299">
        <v>27</v>
      </c>
      <c r="C19" s="319">
        <v>28</v>
      </c>
      <c r="D19" s="301">
        <v>199</v>
      </c>
      <c r="E19" s="301">
        <v>624</v>
      </c>
      <c r="F19" s="320">
        <v>851</v>
      </c>
      <c r="H19" s="528" t="s">
        <v>92</v>
      </c>
      <c r="I19" s="299">
        <v>27</v>
      </c>
      <c r="J19" s="300">
        <v>116</v>
      </c>
      <c r="K19" s="301">
        <v>69</v>
      </c>
      <c r="L19" s="302">
        <v>115</v>
      </c>
      <c r="M19" s="301">
        <v>564</v>
      </c>
      <c r="N19" s="320">
        <v>864</v>
      </c>
      <c r="O19" s="282"/>
      <c r="P19" s="628" t="s">
        <v>117</v>
      </c>
      <c r="Q19" s="630"/>
      <c r="R19" s="321">
        <v>77</v>
      </c>
      <c r="S19" s="60">
        <v>9.541511771995044E-2</v>
      </c>
    </row>
    <row r="20" spans="1:23" ht="20.100000000000001" customHeight="1" thickBot="1" x14ac:dyDescent="0.25">
      <c r="A20" s="528" t="s">
        <v>93</v>
      </c>
      <c r="B20" s="299">
        <v>15</v>
      </c>
      <c r="C20" s="319">
        <v>20</v>
      </c>
      <c r="D20" s="301">
        <v>179</v>
      </c>
      <c r="E20" s="301">
        <v>542</v>
      </c>
      <c r="F20" s="320">
        <v>741</v>
      </c>
      <c r="H20" s="528" t="s">
        <v>93</v>
      </c>
      <c r="I20" s="299">
        <v>15</v>
      </c>
      <c r="J20" s="300">
        <v>101</v>
      </c>
      <c r="K20" s="301">
        <v>69</v>
      </c>
      <c r="L20" s="302">
        <v>128</v>
      </c>
      <c r="M20" s="301">
        <v>443</v>
      </c>
      <c r="N20" s="320">
        <v>741</v>
      </c>
      <c r="O20" s="282"/>
      <c r="P20" s="636" t="s">
        <v>72</v>
      </c>
      <c r="Q20" s="637"/>
      <c r="R20" s="322">
        <v>104</v>
      </c>
      <c r="S20" s="60">
        <v>0.12887236679058239</v>
      </c>
    </row>
    <row r="21" spans="1:23" ht="20.100000000000001" customHeight="1" thickTop="1" thickBot="1" x14ac:dyDescent="0.25">
      <c r="A21" s="529" t="s">
        <v>13</v>
      </c>
      <c r="B21" s="304">
        <v>20</v>
      </c>
      <c r="C21" s="319">
        <v>60</v>
      </c>
      <c r="D21" s="301">
        <v>416</v>
      </c>
      <c r="E21" s="301">
        <v>1097</v>
      </c>
      <c r="F21" s="320">
        <v>1573</v>
      </c>
      <c r="H21" s="529" t="s">
        <v>13</v>
      </c>
      <c r="I21" s="304">
        <v>20</v>
      </c>
      <c r="J21" s="300">
        <v>156</v>
      </c>
      <c r="K21" s="301">
        <v>121</v>
      </c>
      <c r="L21" s="302">
        <v>171</v>
      </c>
      <c r="M21" s="301">
        <v>1099</v>
      </c>
      <c r="N21" s="320">
        <v>1547</v>
      </c>
      <c r="O21" s="282"/>
      <c r="P21" s="655" t="s">
        <v>58</v>
      </c>
      <c r="Q21" s="656"/>
      <c r="R21" s="323">
        <v>807</v>
      </c>
      <c r="S21" s="10">
        <v>1</v>
      </c>
    </row>
    <row r="22" spans="1:23" ht="20.100000000000001" customHeight="1" thickTop="1" thickBot="1" x14ac:dyDescent="0.25">
      <c r="A22" s="526" t="s">
        <v>59</v>
      </c>
      <c r="B22" s="74">
        <v>213</v>
      </c>
      <c r="C22" s="75">
        <v>169</v>
      </c>
      <c r="D22" s="75">
        <v>1600</v>
      </c>
      <c r="E22" s="76">
        <v>3658</v>
      </c>
      <c r="F22" s="61">
        <v>5427</v>
      </c>
      <c r="H22" s="526" t="s">
        <v>59</v>
      </c>
      <c r="I22" s="74">
        <v>213</v>
      </c>
      <c r="J22" s="75">
        <v>802</v>
      </c>
      <c r="K22" s="75">
        <v>424</v>
      </c>
      <c r="L22" s="75">
        <v>588</v>
      </c>
      <c r="M22" s="76">
        <v>3513</v>
      </c>
      <c r="N22" s="61">
        <v>5327</v>
      </c>
      <c r="O22" s="62"/>
      <c r="P22" s="670" t="s">
        <v>380</v>
      </c>
      <c r="Q22" s="670"/>
      <c r="R22" s="670"/>
      <c r="S22" s="670"/>
    </row>
    <row r="23" spans="1:23" ht="20.100000000000001" customHeight="1" thickTop="1" thickBot="1" x14ac:dyDescent="0.25">
      <c r="A23" s="309" t="s">
        <v>173</v>
      </c>
      <c r="B23" s="310"/>
      <c r="C23" s="4">
        <v>3.1140593329648057E-2</v>
      </c>
      <c r="D23" s="56">
        <v>0.29482218536944904</v>
      </c>
      <c r="E23" s="63">
        <v>0.67403722130090293</v>
      </c>
      <c r="F23" s="64">
        <v>1</v>
      </c>
      <c r="H23" s="309" t="s">
        <v>173</v>
      </c>
      <c r="I23" s="310"/>
      <c r="J23" s="55">
        <v>0.15055378261685751</v>
      </c>
      <c r="K23" s="56">
        <v>7.9594518490707714E-2</v>
      </c>
      <c r="L23" s="56">
        <v>0.11038107752956636</v>
      </c>
      <c r="M23" s="63">
        <v>0.65947062136286838</v>
      </c>
      <c r="N23" s="64">
        <v>1</v>
      </c>
      <c r="O23" s="58"/>
      <c r="P23" s="671"/>
      <c r="Q23" s="671"/>
      <c r="R23" s="671"/>
      <c r="S23" s="671"/>
      <c r="T23" s="58"/>
      <c r="U23" s="58"/>
      <c r="V23" s="59"/>
    </row>
    <row r="24" spans="1:23" ht="12" customHeight="1" x14ac:dyDescent="0.2">
      <c r="A24" s="525"/>
      <c r="C24" s="58"/>
      <c r="D24" s="58"/>
      <c r="E24" s="58"/>
      <c r="F24" s="58"/>
      <c r="H24" s="525"/>
      <c r="I24" s="525"/>
      <c r="J24" s="58"/>
      <c r="K24" s="58"/>
      <c r="L24" s="58"/>
      <c r="M24" s="58"/>
      <c r="N24" s="58"/>
      <c r="O24" s="58"/>
      <c r="P24" s="58"/>
      <c r="Q24" s="58"/>
      <c r="R24" s="58"/>
      <c r="S24" s="58"/>
      <c r="T24" s="58"/>
      <c r="U24" s="58"/>
      <c r="V24" s="58"/>
      <c r="W24" s="59"/>
    </row>
    <row r="25" spans="1:23" ht="20.100000000000001" customHeight="1" thickBot="1" x14ac:dyDescent="0.25">
      <c r="A25" s="505" t="s">
        <v>312</v>
      </c>
    </row>
    <row r="26" spans="1:23" ht="27" customHeight="1" thickBot="1" x14ac:dyDescent="0.25">
      <c r="A26" s="539" t="s">
        <v>144</v>
      </c>
      <c r="B26" s="285" t="s">
        <v>230</v>
      </c>
      <c r="C26" s="286" t="s">
        <v>129</v>
      </c>
      <c r="D26" s="287" t="s">
        <v>56</v>
      </c>
      <c r="E26" s="288" t="s">
        <v>293</v>
      </c>
      <c r="F26" s="287" t="s">
        <v>57</v>
      </c>
      <c r="G26" s="289" t="s">
        <v>289</v>
      </c>
      <c r="H26" s="289" t="s">
        <v>290</v>
      </c>
      <c r="I26" s="288" t="s">
        <v>386</v>
      </c>
      <c r="J26" s="289" t="s">
        <v>69</v>
      </c>
      <c r="K26" s="289" t="s">
        <v>70</v>
      </c>
      <c r="L26" s="289" t="s">
        <v>294</v>
      </c>
      <c r="M26" s="290" t="s">
        <v>71</v>
      </c>
      <c r="N26" s="289" t="s">
        <v>295</v>
      </c>
      <c r="O26" s="291" t="s">
        <v>291</v>
      </c>
      <c r="P26" s="290" t="s">
        <v>292</v>
      </c>
      <c r="Q26" s="292" t="s">
        <v>58</v>
      </c>
    </row>
    <row r="27" spans="1:23" ht="20.100000000000001" customHeight="1" thickTop="1" x14ac:dyDescent="0.2">
      <c r="A27" s="293" t="s">
        <v>42</v>
      </c>
      <c r="B27" s="294">
        <v>84</v>
      </c>
      <c r="C27" s="295">
        <v>81</v>
      </c>
      <c r="D27" s="296">
        <v>108</v>
      </c>
      <c r="E27" s="297">
        <v>154</v>
      </c>
      <c r="F27" s="297">
        <v>49</v>
      </c>
      <c r="G27" s="297">
        <v>174</v>
      </c>
      <c r="H27" s="297">
        <v>207</v>
      </c>
      <c r="I27" s="297">
        <v>105</v>
      </c>
      <c r="J27" s="297">
        <v>284</v>
      </c>
      <c r="K27" s="297">
        <v>3</v>
      </c>
      <c r="L27" s="297">
        <v>62</v>
      </c>
      <c r="M27" s="297">
        <v>41</v>
      </c>
      <c r="N27" s="297">
        <v>62</v>
      </c>
      <c r="O27" s="298">
        <v>1057</v>
      </c>
      <c r="P27" s="295">
        <v>259</v>
      </c>
      <c r="Q27" s="53">
        <v>2646</v>
      </c>
    </row>
    <row r="28" spans="1:23" ht="20.100000000000001" customHeight="1" x14ac:dyDescent="0.2">
      <c r="A28" s="528" t="s">
        <v>43</v>
      </c>
      <c r="B28" s="299">
        <v>30</v>
      </c>
      <c r="C28" s="300">
        <v>34</v>
      </c>
      <c r="D28" s="301">
        <v>42</v>
      </c>
      <c r="E28" s="302">
        <v>49</v>
      </c>
      <c r="F28" s="302">
        <v>18</v>
      </c>
      <c r="G28" s="302">
        <v>63</v>
      </c>
      <c r="H28" s="302">
        <v>100</v>
      </c>
      <c r="I28" s="302">
        <v>48</v>
      </c>
      <c r="J28" s="302">
        <v>117</v>
      </c>
      <c r="K28" s="302">
        <v>3</v>
      </c>
      <c r="L28" s="302">
        <v>43</v>
      </c>
      <c r="M28" s="302">
        <v>14</v>
      </c>
      <c r="N28" s="302">
        <v>35</v>
      </c>
      <c r="O28" s="303">
        <v>321</v>
      </c>
      <c r="P28" s="300">
        <v>207</v>
      </c>
      <c r="Q28" s="53">
        <v>1094</v>
      </c>
    </row>
    <row r="29" spans="1:23" ht="20.100000000000001" customHeight="1" x14ac:dyDescent="0.2">
      <c r="A29" s="528" t="s">
        <v>44</v>
      </c>
      <c r="B29" s="299">
        <v>22</v>
      </c>
      <c r="C29" s="300">
        <v>15</v>
      </c>
      <c r="D29" s="301">
        <v>23</v>
      </c>
      <c r="E29" s="302">
        <v>21</v>
      </c>
      <c r="F29" s="302">
        <v>11</v>
      </c>
      <c r="G29" s="302">
        <v>26</v>
      </c>
      <c r="H29" s="302">
        <v>25</v>
      </c>
      <c r="I29" s="302">
        <v>25</v>
      </c>
      <c r="J29" s="302">
        <v>46</v>
      </c>
      <c r="K29" s="302">
        <v>1</v>
      </c>
      <c r="L29" s="302">
        <v>10</v>
      </c>
      <c r="M29" s="302">
        <v>4</v>
      </c>
      <c r="N29" s="302">
        <v>21</v>
      </c>
      <c r="O29" s="303">
        <v>255</v>
      </c>
      <c r="P29" s="300">
        <v>44</v>
      </c>
      <c r="Q29" s="53">
        <v>527</v>
      </c>
    </row>
    <row r="30" spans="1:23" ht="20.100000000000001" customHeight="1" x14ac:dyDescent="0.2">
      <c r="A30" s="528" t="s">
        <v>45</v>
      </c>
      <c r="B30" s="299">
        <v>14</v>
      </c>
      <c r="C30" s="300">
        <v>9</v>
      </c>
      <c r="D30" s="301">
        <v>9</v>
      </c>
      <c r="E30" s="302">
        <v>15</v>
      </c>
      <c r="F30" s="302">
        <v>8</v>
      </c>
      <c r="G30" s="302">
        <v>12</v>
      </c>
      <c r="H30" s="302">
        <v>16</v>
      </c>
      <c r="I30" s="302">
        <v>18</v>
      </c>
      <c r="J30" s="302">
        <v>23</v>
      </c>
      <c r="K30" s="302">
        <v>3</v>
      </c>
      <c r="L30" s="302">
        <v>0</v>
      </c>
      <c r="M30" s="302">
        <v>4</v>
      </c>
      <c r="N30" s="302">
        <v>19</v>
      </c>
      <c r="O30" s="303">
        <v>121</v>
      </c>
      <c r="P30" s="300">
        <v>47</v>
      </c>
      <c r="Q30" s="53">
        <v>304</v>
      </c>
    </row>
    <row r="31" spans="1:23" ht="20.100000000000001" customHeight="1" x14ac:dyDescent="0.2">
      <c r="A31" s="528" t="s">
        <v>46</v>
      </c>
      <c r="B31" s="299">
        <v>15</v>
      </c>
      <c r="C31" s="300">
        <v>2</v>
      </c>
      <c r="D31" s="301">
        <v>6</v>
      </c>
      <c r="E31" s="302">
        <v>10</v>
      </c>
      <c r="F31" s="302">
        <v>5</v>
      </c>
      <c r="G31" s="302">
        <v>20</v>
      </c>
      <c r="H31" s="302">
        <v>16</v>
      </c>
      <c r="I31" s="302">
        <v>21</v>
      </c>
      <c r="J31" s="302">
        <v>21</v>
      </c>
      <c r="K31" s="302">
        <v>0</v>
      </c>
      <c r="L31" s="302">
        <v>19</v>
      </c>
      <c r="M31" s="302">
        <v>8</v>
      </c>
      <c r="N31" s="302">
        <v>5</v>
      </c>
      <c r="O31" s="303">
        <v>130</v>
      </c>
      <c r="P31" s="300">
        <v>15</v>
      </c>
      <c r="Q31" s="53">
        <v>278</v>
      </c>
    </row>
    <row r="32" spans="1:23" ht="20.100000000000001" customHeight="1" x14ac:dyDescent="0.2">
      <c r="A32" s="528" t="s">
        <v>47</v>
      </c>
      <c r="B32" s="299">
        <v>15</v>
      </c>
      <c r="C32" s="300">
        <v>13</v>
      </c>
      <c r="D32" s="301">
        <v>31</v>
      </c>
      <c r="E32" s="302">
        <v>22</v>
      </c>
      <c r="F32" s="302">
        <v>4</v>
      </c>
      <c r="G32" s="302">
        <v>25</v>
      </c>
      <c r="H32" s="302">
        <v>32</v>
      </c>
      <c r="I32" s="302">
        <v>17</v>
      </c>
      <c r="J32" s="302">
        <v>10</v>
      </c>
      <c r="K32" s="302">
        <v>1</v>
      </c>
      <c r="L32" s="302">
        <v>10</v>
      </c>
      <c r="M32" s="302">
        <v>9</v>
      </c>
      <c r="N32" s="302">
        <v>8</v>
      </c>
      <c r="O32" s="303">
        <v>212</v>
      </c>
      <c r="P32" s="300">
        <v>30</v>
      </c>
      <c r="Q32" s="53">
        <v>424</v>
      </c>
    </row>
    <row r="33" spans="1:18" ht="20.100000000000001" customHeight="1" x14ac:dyDescent="0.2">
      <c r="A33" s="528" t="s">
        <v>48</v>
      </c>
      <c r="B33" s="299">
        <v>22</v>
      </c>
      <c r="C33" s="300">
        <v>10</v>
      </c>
      <c r="D33" s="301">
        <v>15</v>
      </c>
      <c r="E33" s="302">
        <v>20</v>
      </c>
      <c r="F33" s="302">
        <v>27</v>
      </c>
      <c r="G33" s="302">
        <v>44</v>
      </c>
      <c r="H33" s="302">
        <v>23</v>
      </c>
      <c r="I33" s="302">
        <v>33</v>
      </c>
      <c r="J33" s="302">
        <v>63</v>
      </c>
      <c r="K33" s="302">
        <v>1</v>
      </c>
      <c r="L33" s="302">
        <v>19</v>
      </c>
      <c r="M33" s="302">
        <v>20</v>
      </c>
      <c r="N33" s="302">
        <v>20</v>
      </c>
      <c r="O33" s="303">
        <v>159</v>
      </c>
      <c r="P33" s="300">
        <v>56</v>
      </c>
      <c r="Q33" s="53">
        <v>510</v>
      </c>
    </row>
    <row r="34" spans="1:18" ht="20.100000000000001" customHeight="1" thickBot="1" x14ac:dyDescent="0.25">
      <c r="A34" s="529" t="s">
        <v>49</v>
      </c>
      <c r="B34" s="304">
        <v>11</v>
      </c>
      <c r="C34" s="305">
        <v>4</v>
      </c>
      <c r="D34" s="306">
        <v>2</v>
      </c>
      <c r="E34" s="307">
        <v>3</v>
      </c>
      <c r="F34" s="307">
        <v>2</v>
      </c>
      <c r="G34" s="307">
        <v>5</v>
      </c>
      <c r="H34" s="307">
        <v>16</v>
      </c>
      <c r="I34" s="307">
        <v>7</v>
      </c>
      <c r="J34" s="307">
        <v>5</v>
      </c>
      <c r="K34" s="307">
        <v>0</v>
      </c>
      <c r="L34" s="307">
        <v>1</v>
      </c>
      <c r="M34" s="307">
        <v>4</v>
      </c>
      <c r="N34" s="307">
        <v>2</v>
      </c>
      <c r="O34" s="308">
        <v>89</v>
      </c>
      <c r="P34" s="300">
        <v>7</v>
      </c>
      <c r="Q34" s="33">
        <v>147</v>
      </c>
    </row>
    <row r="35" spans="1:18" ht="20.100000000000001" customHeight="1" thickTop="1" thickBot="1" x14ac:dyDescent="0.25">
      <c r="A35" s="526" t="s">
        <v>59</v>
      </c>
      <c r="B35" s="74">
        <v>213</v>
      </c>
      <c r="C35" s="75">
        <v>168</v>
      </c>
      <c r="D35" s="75">
        <v>236</v>
      </c>
      <c r="E35" s="75">
        <v>294</v>
      </c>
      <c r="F35" s="75">
        <v>124</v>
      </c>
      <c r="G35" s="75">
        <v>369</v>
      </c>
      <c r="H35" s="75">
        <v>435</v>
      </c>
      <c r="I35" s="75">
        <v>274</v>
      </c>
      <c r="J35" s="75">
        <v>569</v>
      </c>
      <c r="K35" s="75">
        <v>12</v>
      </c>
      <c r="L35" s="75">
        <v>164</v>
      </c>
      <c r="M35" s="75">
        <v>104</v>
      </c>
      <c r="N35" s="75">
        <v>172</v>
      </c>
      <c r="O35" s="75">
        <v>2344</v>
      </c>
      <c r="P35" s="76">
        <v>665</v>
      </c>
      <c r="Q35" s="54">
        <v>5930</v>
      </c>
    </row>
    <row r="36" spans="1:18" ht="20.100000000000001" customHeight="1" thickTop="1" thickBot="1" x14ac:dyDescent="0.25">
      <c r="A36" s="309" t="s">
        <v>173</v>
      </c>
      <c r="B36" s="310"/>
      <c r="C36" s="55">
        <v>2.8330522765598651E-2</v>
      </c>
      <c r="D36" s="56">
        <v>3.9797639123102864E-2</v>
      </c>
      <c r="E36" s="56">
        <v>4.9578414839797642E-2</v>
      </c>
      <c r="F36" s="56">
        <v>2.0910623946037099E-2</v>
      </c>
      <c r="G36" s="56">
        <v>6.2225969645868469E-2</v>
      </c>
      <c r="H36" s="56">
        <v>7.3355817875210796E-2</v>
      </c>
      <c r="I36" s="56">
        <v>4.6205733558178752E-2</v>
      </c>
      <c r="J36" s="56">
        <v>9.5952782462057337E-2</v>
      </c>
      <c r="K36" s="56">
        <v>2.023608768971332E-3</v>
      </c>
      <c r="L36" s="56">
        <v>2.7655986509274873E-2</v>
      </c>
      <c r="M36" s="56">
        <v>1.7537942664418212E-2</v>
      </c>
      <c r="N36" s="56">
        <v>2.9005059021922429E-2</v>
      </c>
      <c r="O36" s="56">
        <v>0.39527824620573354</v>
      </c>
      <c r="P36" s="55">
        <v>0.112141652613828</v>
      </c>
      <c r="Q36" s="57">
        <v>1</v>
      </c>
    </row>
    <row r="37" spans="1:18" ht="12" customHeight="1" x14ac:dyDescent="0.2">
      <c r="A37" s="525"/>
      <c r="C37" s="58"/>
      <c r="D37" s="58"/>
      <c r="E37" s="58"/>
      <c r="F37" s="58"/>
      <c r="G37" s="58"/>
      <c r="H37" s="58"/>
      <c r="I37" s="58"/>
      <c r="J37" s="58"/>
      <c r="K37" s="58"/>
      <c r="L37" s="58"/>
      <c r="M37" s="58"/>
      <c r="N37" s="58"/>
      <c r="O37" s="58"/>
      <c r="P37" s="58"/>
      <c r="Q37" s="59"/>
    </row>
    <row r="38" spans="1:18" ht="20.100000000000001" customHeight="1" thickBot="1" x14ac:dyDescent="0.25">
      <c r="A38" s="505" t="s">
        <v>313</v>
      </c>
      <c r="C38" s="58"/>
      <c r="D38" s="58"/>
      <c r="F38" s="58"/>
      <c r="H38" s="505" t="s">
        <v>314</v>
      </c>
      <c r="J38" s="58"/>
      <c r="K38" s="58"/>
      <c r="L38" s="58"/>
      <c r="N38" s="58"/>
      <c r="O38" s="58"/>
      <c r="P38" s="58"/>
      <c r="Q38" s="58"/>
      <c r="R38" s="59"/>
    </row>
    <row r="39" spans="1:18" ht="20.100000000000001" customHeight="1" thickBot="1" x14ac:dyDescent="0.25">
      <c r="A39" s="539" t="s">
        <v>144</v>
      </c>
      <c r="B39" s="285" t="s">
        <v>230</v>
      </c>
      <c r="C39" s="311" t="s">
        <v>307</v>
      </c>
      <c r="D39" s="312" t="s">
        <v>385</v>
      </c>
      <c r="E39" s="313" t="s">
        <v>72</v>
      </c>
      <c r="F39" s="314" t="s">
        <v>58</v>
      </c>
      <c r="H39" s="539" t="s">
        <v>144</v>
      </c>
      <c r="I39" s="285" t="s">
        <v>230</v>
      </c>
      <c r="J39" s="312" t="s">
        <v>159</v>
      </c>
      <c r="K39" s="312" t="s">
        <v>160</v>
      </c>
      <c r="L39" s="315" t="s">
        <v>309</v>
      </c>
      <c r="M39" s="313" t="s">
        <v>72</v>
      </c>
      <c r="N39" s="314" t="s">
        <v>58</v>
      </c>
      <c r="O39" s="368"/>
    </row>
    <row r="40" spans="1:18" ht="20.100000000000001" customHeight="1" thickTop="1" x14ac:dyDescent="0.2">
      <c r="A40" s="293" t="s">
        <v>42</v>
      </c>
      <c r="B40" s="294">
        <v>84</v>
      </c>
      <c r="C40" s="316">
        <v>88</v>
      </c>
      <c r="D40" s="296">
        <v>653</v>
      </c>
      <c r="E40" s="296">
        <v>1694</v>
      </c>
      <c r="F40" s="317">
        <v>2435</v>
      </c>
      <c r="H40" s="293" t="s">
        <v>42</v>
      </c>
      <c r="I40" s="294">
        <v>84</v>
      </c>
      <c r="J40" s="295">
        <v>320</v>
      </c>
      <c r="K40" s="296">
        <v>167</v>
      </c>
      <c r="L40" s="297">
        <v>183</v>
      </c>
      <c r="M40" s="296">
        <v>1711</v>
      </c>
      <c r="N40" s="317">
        <v>2381</v>
      </c>
      <c r="O40" s="368"/>
    </row>
    <row r="41" spans="1:18" ht="20.100000000000001" customHeight="1" x14ac:dyDescent="0.2">
      <c r="A41" s="528" t="s">
        <v>43</v>
      </c>
      <c r="B41" s="299">
        <v>30</v>
      </c>
      <c r="C41" s="319">
        <v>42</v>
      </c>
      <c r="D41" s="301">
        <v>242</v>
      </c>
      <c r="E41" s="301">
        <v>734</v>
      </c>
      <c r="F41" s="320">
        <v>1018</v>
      </c>
      <c r="H41" s="528" t="s">
        <v>43</v>
      </c>
      <c r="I41" s="299">
        <v>30</v>
      </c>
      <c r="J41" s="300">
        <v>81</v>
      </c>
      <c r="K41" s="301">
        <v>94</v>
      </c>
      <c r="L41" s="302">
        <v>115</v>
      </c>
      <c r="M41" s="301">
        <v>719</v>
      </c>
      <c r="N41" s="320">
        <v>1009</v>
      </c>
      <c r="O41" s="282"/>
    </row>
    <row r="42" spans="1:18" ht="20.100000000000001" customHeight="1" x14ac:dyDescent="0.2">
      <c r="A42" s="528" t="s">
        <v>44</v>
      </c>
      <c r="B42" s="299">
        <v>22</v>
      </c>
      <c r="C42" s="319">
        <v>12</v>
      </c>
      <c r="D42" s="301">
        <v>161</v>
      </c>
      <c r="E42" s="301">
        <v>300</v>
      </c>
      <c r="F42" s="320">
        <v>473</v>
      </c>
      <c r="H42" s="528" t="s">
        <v>44</v>
      </c>
      <c r="I42" s="299">
        <v>22</v>
      </c>
      <c r="J42" s="300">
        <v>71</v>
      </c>
      <c r="K42" s="301">
        <v>54</v>
      </c>
      <c r="L42" s="302">
        <v>127</v>
      </c>
      <c r="M42" s="301">
        <v>208</v>
      </c>
      <c r="N42" s="320">
        <v>460</v>
      </c>
      <c r="O42" s="282"/>
    </row>
    <row r="43" spans="1:18" ht="20.100000000000001" customHeight="1" x14ac:dyDescent="0.2">
      <c r="A43" s="528" t="s">
        <v>45</v>
      </c>
      <c r="B43" s="299">
        <v>14</v>
      </c>
      <c r="C43" s="319">
        <v>4</v>
      </c>
      <c r="D43" s="301">
        <v>123</v>
      </c>
      <c r="E43" s="301">
        <v>152</v>
      </c>
      <c r="F43" s="320">
        <v>279</v>
      </c>
      <c r="H43" s="324" t="s">
        <v>45</v>
      </c>
      <c r="I43" s="299">
        <v>14</v>
      </c>
      <c r="J43" s="300">
        <v>68</v>
      </c>
      <c r="K43" s="301">
        <v>23</v>
      </c>
      <c r="L43" s="302">
        <v>38</v>
      </c>
      <c r="M43" s="301">
        <v>149</v>
      </c>
      <c r="N43" s="320">
        <v>278</v>
      </c>
      <c r="O43" s="282"/>
    </row>
    <row r="44" spans="1:18" ht="20.100000000000001" customHeight="1" x14ac:dyDescent="0.2">
      <c r="A44" s="528" t="s">
        <v>46</v>
      </c>
      <c r="B44" s="299">
        <v>15</v>
      </c>
      <c r="C44" s="319">
        <v>4</v>
      </c>
      <c r="D44" s="301">
        <v>79</v>
      </c>
      <c r="E44" s="301">
        <v>178</v>
      </c>
      <c r="F44" s="320">
        <v>261</v>
      </c>
      <c r="H44" s="528" t="s">
        <v>46</v>
      </c>
      <c r="I44" s="299">
        <v>15</v>
      </c>
      <c r="J44" s="300">
        <v>53</v>
      </c>
      <c r="K44" s="301">
        <v>3</v>
      </c>
      <c r="L44" s="302">
        <v>20</v>
      </c>
      <c r="M44" s="301">
        <v>181</v>
      </c>
      <c r="N44" s="320">
        <v>257</v>
      </c>
      <c r="O44" s="282"/>
    </row>
    <row r="45" spans="1:18" ht="20.100000000000001" customHeight="1" x14ac:dyDescent="0.2">
      <c r="A45" s="528" t="s">
        <v>47</v>
      </c>
      <c r="B45" s="299">
        <v>15</v>
      </c>
      <c r="C45" s="319">
        <v>8</v>
      </c>
      <c r="D45" s="301">
        <v>121</v>
      </c>
      <c r="E45" s="301">
        <v>188</v>
      </c>
      <c r="F45" s="320">
        <v>317</v>
      </c>
      <c r="H45" s="528" t="s">
        <v>47</v>
      </c>
      <c r="I45" s="299">
        <v>15</v>
      </c>
      <c r="J45" s="300">
        <v>103</v>
      </c>
      <c r="K45" s="301">
        <v>13</v>
      </c>
      <c r="L45" s="302">
        <v>43</v>
      </c>
      <c r="M45" s="301">
        <v>124</v>
      </c>
      <c r="N45" s="320">
        <v>283</v>
      </c>
      <c r="O45" s="282"/>
    </row>
    <row r="46" spans="1:18" ht="20.100000000000001" customHeight="1" x14ac:dyDescent="0.2">
      <c r="A46" s="528" t="s">
        <v>48</v>
      </c>
      <c r="B46" s="299">
        <v>22</v>
      </c>
      <c r="C46" s="319">
        <v>9</v>
      </c>
      <c r="D46" s="301">
        <v>136</v>
      </c>
      <c r="E46" s="301">
        <v>352</v>
      </c>
      <c r="F46" s="320">
        <v>497</v>
      </c>
      <c r="H46" s="528" t="s">
        <v>48</v>
      </c>
      <c r="I46" s="299">
        <v>22</v>
      </c>
      <c r="J46" s="300">
        <v>77</v>
      </c>
      <c r="K46" s="301">
        <v>25</v>
      </c>
      <c r="L46" s="302">
        <v>49</v>
      </c>
      <c r="M46" s="301">
        <v>358</v>
      </c>
      <c r="N46" s="320">
        <v>509</v>
      </c>
      <c r="O46" s="282"/>
    </row>
    <row r="47" spans="1:18" ht="20.100000000000001" customHeight="1" thickBot="1" x14ac:dyDescent="0.25">
      <c r="A47" s="529" t="s">
        <v>49</v>
      </c>
      <c r="B47" s="304">
        <v>11</v>
      </c>
      <c r="C47" s="319">
        <v>2</v>
      </c>
      <c r="D47" s="301">
        <v>85</v>
      </c>
      <c r="E47" s="301">
        <v>60</v>
      </c>
      <c r="F47" s="320">
        <v>147</v>
      </c>
      <c r="H47" s="529" t="s">
        <v>49</v>
      </c>
      <c r="I47" s="304">
        <v>11</v>
      </c>
      <c r="J47" s="300">
        <v>29</v>
      </c>
      <c r="K47" s="301">
        <v>45</v>
      </c>
      <c r="L47" s="302">
        <v>13</v>
      </c>
      <c r="M47" s="301">
        <v>63</v>
      </c>
      <c r="N47" s="320">
        <v>150</v>
      </c>
      <c r="O47" s="282"/>
    </row>
    <row r="48" spans="1:18" ht="20.100000000000001" customHeight="1" thickTop="1" thickBot="1" x14ac:dyDescent="0.25">
      <c r="A48" s="526" t="s">
        <v>59</v>
      </c>
      <c r="B48" s="74">
        <v>213</v>
      </c>
      <c r="C48" s="75">
        <v>169</v>
      </c>
      <c r="D48" s="75">
        <v>1600</v>
      </c>
      <c r="E48" s="76">
        <v>3658</v>
      </c>
      <c r="F48" s="61">
        <v>5427</v>
      </c>
      <c r="H48" s="526" t="s">
        <v>59</v>
      </c>
      <c r="I48" s="74">
        <v>213</v>
      </c>
      <c r="J48" s="75">
        <v>802</v>
      </c>
      <c r="K48" s="75">
        <v>424</v>
      </c>
      <c r="L48" s="75">
        <v>588</v>
      </c>
      <c r="M48" s="76">
        <v>3513</v>
      </c>
      <c r="N48" s="61">
        <v>5327</v>
      </c>
      <c r="O48" s="62"/>
    </row>
    <row r="49" spans="1:23" ht="20.100000000000001" customHeight="1" thickTop="1" thickBot="1" x14ac:dyDescent="0.25">
      <c r="A49" s="309" t="s">
        <v>173</v>
      </c>
      <c r="B49" s="310"/>
      <c r="C49" s="4">
        <v>3.1140593329648057E-2</v>
      </c>
      <c r="D49" s="56">
        <v>0.29482218536944904</v>
      </c>
      <c r="E49" s="63">
        <v>0.67403722130090293</v>
      </c>
      <c r="F49" s="64">
        <v>1</v>
      </c>
      <c r="H49" s="309" t="s">
        <v>173</v>
      </c>
      <c r="I49" s="310"/>
      <c r="J49" s="55">
        <v>0.15055378261685751</v>
      </c>
      <c r="K49" s="56">
        <v>7.9594518490707714E-2</v>
      </c>
      <c r="L49" s="56">
        <v>0.11038107752956636</v>
      </c>
      <c r="M49" s="63">
        <v>0.65947062136286838</v>
      </c>
      <c r="N49" s="64">
        <v>1</v>
      </c>
      <c r="O49" s="58"/>
      <c r="P49" s="58"/>
      <c r="Q49" s="58"/>
      <c r="R49" s="58"/>
      <c r="S49" s="59"/>
    </row>
    <row r="50" spans="1:23" ht="33" customHeight="1" x14ac:dyDescent="0.2">
      <c r="A50" s="525"/>
      <c r="C50" s="58"/>
      <c r="D50" s="58"/>
      <c r="E50" s="58"/>
      <c r="F50" s="58"/>
      <c r="H50" s="525"/>
      <c r="I50" s="525"/>
      <c r="J50" s="58"/>
      <c r="K50" s="58"/>
      <c r="L50" s="58"/>
      <c r="M50" s="58"/>
      <c r="N50" s="58"/>
      <c r="O50" s="58"/>
      <c r="P50" s="58"/>
      <c r="Q50" s="58"/>
      <c r="R50" s="58"/>
      <c r="S50" s="58"/>
      <c r="T50" s="58"/>
      <c r="U50" s="58"/>
      <c r="V50" s="58"/>
      <c r="W50" s="59"/>
    </row>
    <row r="51" spans="1:23" ht="20.100000000000001" customHeight="1" thickBot="1" x14ac:dyDescent="0.25">
      <c r="A51" s="505" t="s">
        <v>315</v>
      </c>
      <c r="C51" s="59"/>
    </row>
    <row r="52" spans="1:23" ht="20.100000000000001" customHeight="1" x14ac:dyDescent="0.2">
      <c r="A52" s="657" t="s">
        <v>135</v>
      </c>
      <c r="B52" s="658"/>
      <c r="C52" s="665" t="s">
        <v>136</v>
      </c>
      <c r="D52" s="666"/>
      <c r="E52" s="666"/>
      <c r="F52" s="666"/>
      <c r="G52" s="666"/>
      <c r="H52" s="666"/>
      <c r="I52" s="666"/>
      <c r="J52" s="666"/>
      <c r="K52" s="666"/>
      <c r="L52" s="666"/>
      <c r="M52" s="666"/>
      <c r="N52" s="667"/>
      <c r="O52" s="668" t="s">
        <v>170</v>
      </c>
      <c r="P52" s="668" t="s">
        <v>173</v>
      </c>
      <c r="S52" s="672"/>
      <c r="T52" s="672"/>
    </row>
    <row r="53" spans="1:23" ht="20.100000000000001" customHeight="1" thickBot="1" x14ac:dyDescent="0.25">
      <c r="A53" s="659"/>
      <c r="B53" s="660"/>
      <c r="C53" s="325" t="s">
        <v>139</v>
      </c>
      <c r="D53" s="326" t="s">
        <v>173</v>
      </c>
      <c r="E53" s="327" t="s">
        <v>137</v>
      </c>
      <c r="F53" s="326" t="s">
        <v>173</v>
      </c>
      <c r="G53" s="327" t="s">
        <v>131</v>
      </c>
      <c r="H53" s="326" t="s">
        <v>173</v>
      </c>
      <c r="I53" s="327" t="s">
        <v>138</v>
      </c>
      <c r="J53" s="326" t="s">
        <v>173</v>
      </c>
      <c r="K53" s="327" t="s">
        <v>132</v>
      </c>
      <c r="L53" s="326" t="s">
        <v>173</v>
      </c>
      <c r="M53" s="328" t="s">
        <v>133</v>
      </c>
      <c r="N53" s="329" t="s">
        <v>173</v>
      </c>
      <c r="O53" s="669"/>
      <c r="P53" s="669"/>
      <c r="S53" s="672"/>
      <c r="T53" s="672"/>
    </row>
    <row r="54" spans="1:23" ht="19.95" customHeight="1" thickTop="1" x14ac:dyDescent="0.2">
      <c r="A54" s="683" t="s">
        <v>129</v>
      </c>
      <c r="B54" s="684"/>
      <c r="C54" s="330">
        <v>1</v>
      </c>
      <c r="D54" s="5">
        <v>2.257336343115124E-3</v>
      </c>
      <c r="E54" s="331">
        <v>1</v>
      </c>
      <c r="F54" s="6">
        <v>2.232142857142857E-3</v>
      </c>
      <c r="G54" s="332">
        <v>1</v>
      </c>
      <c r="H54" s="7">
        <v>1.6750418760469012E-3</v>
      </c>
      <c r="I54" s="332">
        <v>1</v>
      </c>
      <c r="J54" s="7">
        <v>1.7574692442882249E-3</v>
      </c>
      <c r="K54" s="332">
        <v>0</v>
      </c>
      <c r="L54" s="8">
        <v>0</v>
      </c>
      <c r="M54" s="333">
        <v>164</v>
      </c>
      <c r="N54" s="9">
        <v>4.7577603713373946E-2</v>
      </c>
      <c r="O54" s="11">
        <v>168</v>
      </c>
      <c r="P54" s="77">
        <v>2.833530106257379E-2</v>
      </c>
      <c r="S54" s="672"/>
      <c r="T54" s="672"/>
    </row>
    <row r="55" spans="1:23" ht="20.100000000000001" customHeight="1" x14ac:dyDescent="0.2">
      <c r="A55" s="679" t="s">
        <v>296</v>
      </c>
      <c r="B55" s="680"/>
      <c r="C55" s="334">
        <v>5</v>
      </c>
      <c r="D55" s="65">
        <v>1.1286681715575621E-2</v>
      </c>
      <c r="E55" s="335">
        <v>17</v>
      </c>
      <c r="F55" s="65">
        <v>3.7946428571428568E-2</v>
      </c>
      <c r="G55" s="336">
        <v>57</v>
      </c>
      <c r="H55" s="66">
        <v>9.5477386934673364E-2</v>
      </c>
      <c r="I55" s="336">
        <v>44</v>
      </c>
      <c r="J55" s="66">
        <v>7.7328646748681895E-2</v>
      </c>
      <c r="K55" s="336">
        <v>37</v>
      </c>
      <c r="L55" s="67">
        <v>8.7058823529411758E-2</v>
      </c>
      <c r="M55" s="337">
        <v>76</v>
      </c>
      <c r="N55" s="68">
        <v>2.2048157818392804E-2</v>
      </c>
      <c r="O55" s="11">
        <v>236</v>
      </c>
      <c r="P55" s="78">
        <v>3.9804351492663183E-2</v>
      </c>
      <c r="S55" s="672"/>
      <c r="T55" s="672"/>
    </row>
    <row r="56" spans="1:23" ht="20.100000000000001" customHeight="1" x14ac:dyDescent="0.2">
      <c r="A56" s="677" t="s">
        <v>297</v>
      </c>
      <c r="B56" s="678"/>
      <c r="C56" s="334">
        <v>8</v>
      </c>
      <c r="D56" s="65">
        <v>1.8058690744920992E-2</v>
      </c>
      <c r="E56" s="335">
        <v>6</v>
      </c>
      <c r="F56" s="65">
        <v>1.3392857142857142E-2</v>
      </c>
      <c r="G56" s="336">
        <v>5</v>
      </c>
      <c r="H56" s="66">
        <v>8.3752093802345051E-3</v>
      </c>
      <c r="I56" s="336">
        <v>14</v>
      </c>
      <c r="J56" s="66">
        <v>2.4604569420035149E-2</v>
      </c>
      <c r="K56" s="336">
        <v>14</v>
      </c>
      <c r="L56" s="67">
        <v>3.2941176470588238E-2</v>
      </c>
      <c r="M56" s="337">
        <v>247</v>
      </c>
      <c r="N56" s="68">
        <v>7.1656512909776621E-2</v>
      </c>
      <c r="O56" s="11">
        <v>294</v>
      </c>
      <c r="P56" s="78">
        <v>4.9586776859504134E-2</v>
      </c>
      <c r="S56" s="672"/>
      <c r="T56" s="672"/>
    </row>
    <row r="57" spans="1:23" ht="20.100000000000001" customHeight="1" x14ac:dyDescent="0.2">
      <c r="A57" s="679" t="s">
        <v>298</v>
      </c>
      <c r="B57" s="680"/>
      <c r="C57" s="334">
        <v>6</v>
      </c>
      <c r="D57" s="65">
        <v>1.3544018058690745E-2</v>
      </c>
      <c r="E57" s="335">
        <v>12</v>
      </c>
      <c r="F57" s="65">
        <v>2.6785714285714284E-2</v>
      </c>
      <c r="G57" s="336">
        <v>21</v>
      </c>
      <c r="H57" s="66">
        <v>3.5175879396984924E-2</v>
      </c>
      <c r="I57" s="336">
        <v>26</v>
      </c>
      <c r="J57" s="66">
        <v>4.5694200351493852E-2</v>
      </c>
      <c r="K57" s="336">
        <v>16</v>
      </c>
      <c r="L57" s="67">
        <v>3.7647058823529408E-2</v>
      </c>
      <c r="M57" s="337">
        <v>43</v>
      </c>
      <c r="N57" s="68">
        <v>1.2474615607774877E-2</v>
      </c>
      <c r="O57" s="11">
        <v>124</v>
      </c>
      <c r="P57" s="78">
        <v>2.0914150784280654E-2</v>
      </c>
      <c r="S57" s="672"/>
      <c r="T57" s="672"/>
    </row>
    <row r="58" spans="1:23" ht="20.100000000000001" customHeight="1" x14ac:dyDescent="0.2">
      <c r="A58" s="679" t="s">
        <v>299</v>
      </c>
      <c r="B58" s="680"/>
      <c r="C58" s="334">
        <v>28</v>
      </c>
      <c r="D58" s="65">
        <v>6.320541760722348E-2</v>
      </c>
      <c r="E58" s="335">
        <v>46</v>
      </c>
      <c r="F58" s="65">
        <v>0.10267857142857142</v>
      </c>
      <c r="G58" s="336">
        <v>41</v>
      </c>
      <c r="H58" s="66">
        <v>6.8676716917922945E-2</v>
      </c>
      <c r="I58" s="336">
        <v>25</v>
      </c>
      <c r="J58" s="66">
        <v>4.3936731107205626E-2</v>
      </c>
      <c r="K58" s="336">
        <v>16</v>
      </c>
      <c r="L58" s="67">
        <v>3.7647058823529408E-2</v>
      </c>
      <c r="M58" s="337">
        <v>210</v>
      </c>
      <c r="N58" s="68">
        <v>6.0922541340295906E-2</v>
      </c>
      <c r="O58" s="11">
        <v>366</v>
      </c>
      <c r="P58" s="78">
        <v>6.1730477314892902E-2</v>
      </c>
      <c r="S58" s="672"/>
      <c r="T58" s="672"/>
    </row>
    <row r="59" spans="1:23" ht="20.100000000000001" customHeight="1" x14ac:dyDescent="0.2">
      <c r="A59" s="679" t="s">
        <v>300</v>
      </c>
      <c r="B59" s="680"/>
      <c r="C59" s="334">
        <v>128</v>
      </c>
      <c r="D59" s="65">
        <v>0.28893905191873587</v>
      </c>
      <c r="E59" s="335">
        <v>70</v>
      </c>
      <c r="F59" s="65">
        <v>0.15625</v>
      </c>
      <c r="G59" s="336">
        <v>43</v>
      </c>
      <c r="H59" s="66">
        <v>7.2026800670016752E-2</v>
      </c>
      <c r="I59" s="336">
        <v>35</v>
      </c>
      <c r="J59" s="66">
        <v>6.1511423550087874E-2</v>
      </c>
      <c r="K59" s="336">
        <v>15</v>
      </c>
      <c r="L59" s="67">
        <v>3.5294117647058823E-2</v>
      </c>
      <c r="M59" s="337">
        <v>144</v>
      </c>
      <c r="N59" s="68">
        <v>4.1775456919060053E-2</v>
      </c>
      <c r="O59" s="11">
        <v>435</v>
      </c>
      <c r="P59" s="78">
        <v>7.3368190251307128E-2</v>
      </c>
      <c r="S59" s="672"/>
      <c r="T59" s="672"/>
    </row>
    <row r="60" spans="1:23" ht="20.100000000000001" customHeight="1" x14ac:dyDescent="0.2">
      <c r="A60" s="679" t="s">
        <v>354</v>
      </c>
      <c r="B60" s="680"/>
      <c r="C60" s="334">
        <v>18</v>
      </c>
      <c r="D60" s="65">
        <v>4.0632054176072234E-2</v>
      </c>
      <c r="E60" s="335">
        <v>24</v>
      </c>
      <c r="F60" s="65">
        <v>5.3571428571428568E-2</v>
      </c>
      <c r="G60" s="336">
        <v>25</v>
      </c>
      <c r="H60" s="66">
        <v>4.1876046901172533E-2</v>
      </c>
      <c r="I60" s="336">
        <v>14</v>
      </c>
      <c r="J60" s="66">
        <v>2.4604569420035149E-2</v>
      </c>
      <c r="K60" s="336">
        <v>14</v>
      </c>
      <c r="L60" s="67">
        <v>3.2941176470588238E-2</v>
      </c>
      <c r="M60" s="337">
        <v>178</v>
      </c>
      <c r="N60" s="68">
        <v>5.1639106469393674E-2</v>
      </c>
      <c r="O60" s="11">
        <v>273</v>
      </c>
      <c r="P60" s="78">
        <v>4.6044864226682407E-2</v>
      </c>
      <c r="S60" s="672"/>
      <c r="T60" s="672"/>
    </row>
    <row r="61" spans="1:23" ht="20.100000000000001" customHeight="1" x14ac:dyDescent="0.2">
      <c r="A61" s="679" t="s">
        <v>301</v>
      </c>
      <c r="B61" s="680"/>
      <c r="C61" s="334">
        <v>17</v>
      </c>
      <c r="D61" s="65">
        <v>3.8374717832957109E-2</v>
      </c>
      <c r="E61" s="335">
        <v>39</v>
      </c>
      <c r="F61" s="65">
        <v>8.7053571428571425E-2</v>
      </c>
      <c r="G61" s="336">
        <v>63</v>
      </c>
      <c r="H61" s="66">
        <v>0.10552763819095477</v>
      </c>
      <c r="I61" s="336">
        <v>76</v>
      </c>
      <c r="J61" s="66">
        <v>0.1335676625659051</v>
      </c>
      <c r="K61" s="336">
        <v>56</v>
      </c>
      <c r="L61" s="67">
        <v>0.13176470588235295</v>
      </c>
      <c r="M61" s="337">
        <v>319</v>
      </c>
      <c r="N61" s="68">
        <v>9.254424136930664E-2</v>
      </c>
      <c r="O61" s="11">
        <v>570</v>
      </c>
      <c r="P61" s="78">
        <v>9.6137628605161077E-2</v>
      </c>
      <c r="S61" s="672"/>
      <c r="T61" s="672"/>
    </row>
    <row r="62" spans="1:23" ht="20.100000000000001" customHeight="1" x14ac:dyDescent="0.2">
      <c r="A62" s="679" t="s">
        <v>302</v>
      </c>
      <c r="B62" s="680"/>
      <c r="C62" s="334">
        <v>1</v>
      </c>
      <c r="D62" s="65">
        <v>2.257336343115124E-3</v>
      </c>
      <c r="E62" s="335">
        <v>0</v>
      </c>
      <c r="F62" s="65">
        <v>0</v>
      </c>
      <c r="G62" s="336">
        <v>3</v>
      </c>
      <c r="H62" s="66">
        <v>5.0251256281407036E-3</v>
      </c>
      <c r="I62" s="336">
        <v>0</v>
      </c>
      <c r="J62" s="66">
        <v>0</v>
      </c>
      <c r="K62" s="336">
        <v>0</v>
      </c>
      <c r="L62" s="67">
        <v>0</v>
      </c>
      <c r="M62" s="337">
        <v>8</v>
      </c>
      <c r="N62" s="68">
        <v>2.3208587177255585E-3</v>
      </c>
      <c r="O62" s="11">
        <v>12</v>
      </c>
      <c r="P62" s="78">
        <v>2.0239500758981277E-3</v>
      </c>
      <c r="S62" s="672"/>
      <c r="T62" s="672"/>
    </row>
    <row r="63" spans="1:23" ht="20.100000000000001" customHeight="1" x14ac:dyDescent="0.2">
      <c r="A63" s="679" t="s">
        <v>303</v>
      </c>
      <c r="B63" s="680"/>
      <c r="C63" s="334">
        <v>20</v>
      </c>
      <c r="D63" s="65">
        <v>4.5146726862302484E-2</v>
      </c>
      <c r="E63" s="335">
        <v>14</v>
      </c>
      <c r="F63" s="65">
        <v>3.125E-2</v>
      </c>
      <c r="G63" s="336">
        <v>16</v>
      </c>
      <c r="H63" s="66">
        <v>2.6800670016750419E-2</v>
      </c>
      <c r="I63" s="338">
        <v>13</v>
      </c>
      <c r="J63" s="69">
        <v>2.2847100175746926E-2</v>
      </c>
      <c r="K63" s="336">
        <v>10</v>
      </c>
      <c r="L63" s="67">
        <v>2.3529411764705882E-2</v>
      </c>
      <c r="M63" s="337">
        <v>91</v>
      </c>
      <c r="N63" s="68">
        <v>2.6399767914128229E-2</v>
      </c>
      <c r="O63" s="11">
        <v>164</v>
      </c>
      <c r="P63" s="78">
        <v>2.7660651037274414E-2</v>
      </c>
      <c r="S63" s="672"/>
      <c r="T63" s="672"/>
    </row>
    <row r="64" spans="1:23" ht="20.100000000000001" customHeight="1" x14ac:dyDescent="0.2">
      <c r="A64" s="677" t="s">
        <v>304</v>
      </c>
      <c r="B64" s="678"/>
      <c r="C64" s="334">
        <v>4</v>
      </c>
      <c r="D64" s="65">
        <v>9.0293453724604959E-3</v>
      </c>
      <c r="E64" s="335">
        <v>1</v>
      </c>
      <c r="F64" s="65">
        <v>2.232142857142857E-3</v>
      </c>
      <c r="G64" s="336">
        <v>12</v>
      </c>
      <c r="H64" s="66">
        <v>2.0100502512562814E-2</v>
      </c>
      <c r="I64" s="336">
        <v>7</v>
      </c>
      <c r="J64" s="66">
        <v>1.2302284710017574E-2</v>
      </c>
      <c r="K64" s="336">
        <v>5</v>
      </c>
      <c r="L64" s="67">
        <v>1.1764705882352941E-2</v>
      </c>
      <c r="M64" s="337">
        <v>75</v>
      </c>
      <c r="N64" s="68">
        <v>2.1758050478677109E-2</v>
      </c>
      <c r="O64" s="11">
        <v>104</v>
      </c>
      <c r="P64" s="78">
        <v>1.7540900657783774E-2</v>
      </c>
      <c r="S64" s="672"/>
      <c r="T64" s="672"/>
    </row>
    <row r="65" spans="1:20" ht="20.100000000000001" customHeight="1" x14ac:dyDescent="0.2">
      <c r="A65" s="679" t="s">
        <v>305</v>
      </c>
      <c r="B65" s="680"/>
      <c r="C65" s="334">
        <v>22</v>
      </c>
      <c r="D65" s="65">
        <v>4.9661399548532728E-2</v>
      </c>
      <c r="E65" s="335">
        <v>14</v>
      </c>
      <c r="F65" s="65">
        <v>3.125E-2</v>
      </c>
      <c r="G65" s="336">
        <v>12</v>
      </c>
      <c r="H65" s="66">
        <v>2.0100502512562814E-2</v>
      </c>
      <c r="I65" s="336">
        <v>8</v>
      </c>
      <c r="J65" s="66">
        <v>1.4059753954305799E-2</v>
      </c>
      <c r="K65" s="336">
        <v>12</v>
      </c>
      <c r="L65" s="67">
        <v>2.823529411764706E-2</v>
      </c>
      <c r="M65" s="337">
        <v>104</v>
      </c>
      <c r="N65" s="68">
        <v>3.0171163330432259E-2</v>
      </c>
      <c r="O65" s="11">
        <v>172</v>
      </c>
      <c r="P65" s="78">
        <v>2.9009951087873166E-2</v>
      </c>
      <c r="S65" s="672"/>
      <c r="T65" s="672"/>
    </row>
    <row r="66" spans="1:20" ht="20.100000000000001" customHeight="1" x14ac:dyDescent="0.2">
      <c r="A66" s="681" t="s">
        <v>306</v>
      </c>
      <c r="B66" s="682"/>
      <c r="C66" s="334">
        <v>116</v>
      </c>
      <c r="D66" s="65">
        <v>0.26185101580135439</v>
      </c>
      <c r="E66" s="335">
        <v>153</v>
      </c>
      <c r="F66" s="65">
        <v>0.34151785714285715</v>
      </c>
      <c r="G66" s="336">
        <v>240</v>
      </c>
      <c r="H66" s="66">
        <v>0.4020100502512563</v>
      </c>
      <c r="I66" s="336">
        <v>248</v>
      </c>
      <c r="J66" s="66">
        <v>0.43585237258347981</v>
      </c>
      <c r="K66" s="336">
        <v>194</v>
      </c>
      <c r="L66" s="67">
        <v>0.45647058823529413</v>
      </c>
      <c r="M66" s="124">
        <v>1392</v>
      </c>
      <c r="N66" s="68">
        <v>0.40382941688424717</v>
      </c>
      <c r="O66" s="11">
        <v>2343</v>
      </c>
      <c r="P66" s="78">
        <v>0.39517625231910947</v>
      </c>
    </row>
    <row r="67" spans="1:20" ht="20.100000000000001" customHeight="1" thickBot="1" x14ac:dyDescent="0.25">
      <c r="A67" s="673" t="s">
        <v>353</v>
      </c>
      <c r="B67" s="674"/>
      <c r="C67" s="339">
        <v>69</v>
      </c>
      <c r="D67" s="70">
        <v>0.15575620767494355</v>
      </c>
      <c r="E67" s="340">
        <v>51</v>
      </c>
      <c r="F67" s="70">
        <v>0.11383928571428571</v>
      </c>
      <c r="G67" s="341">
        <v>58</v>
      </c>
      <c r="H67" s="71">
        <v>9.7152428810720268E-2</v>
      </c>
      <c r="I67" s="341">
        <v>58</v>
      </c>
      <c r="J67" s="71">
        <v>0.10193321616871705</v>
      </c>
      <c r="K67" s="341">
        <v>36</v>
      </c>
      <c r="L67" s="72">
        <v>8.4705882352941173E-2</v>
      </c>
      <c r="M67" s="342">
        <v>396</v>
      </c>
      <c r="N67" s="73">
        <v>0.11488250652741515</v>
      </c>
      <c r="O67" s="11">
        <v>668</v>
      </c>
      <c r="P67" s="79">
        <v>0.11266655422499579</v>
      </c>
    </row>
    <row r="68" spans="1:20" ht="20.100000000000001" customHeight="1" thickTop="1" thickBot="1" x14ac:dyDescent="0.25">
      <c r="A68" s="675" t="s">
        <v>134</v>
      </c>
      <c r="B68" s="676"/>
      <c r="C68" s="343">
        <v>443</v>
      </c>
      <c r="D68" s="80">
        <v>1</v>
      </c>
      <c r="E68" s="344">
        <v>448</v>
      </c>
      <c r="F68" s="80">
        <v>1.0000000000000002</v>
      </c>
      <c r="G68" s="343">
        <v>597</v>
      </c>
      <c r="H68" s="43">
        <v>1</v>
      </c>
      <c r="I68" s="343">
        <v>569</v>
      </c>
      <c r="J68" s="43">
        <v>1</v>
      </c>
      <c r="K68" s="343">
        <v>425</v>
      </c>
      <c r="L68" s="81">
        <v>1</v>
      </c>
      <c r="M68" s="82">
        <v>3447</v>
      </c>
      <c r="N68" s="81">
        <v>1</v>
      </c>
      <c r="O68" s="83">
        <v>5929</v>
      </c>
      <c r="P68" s="84">
        <v>1</v>
      </c>
    </row>
  </sheetData>
  <mergeCells count="41">
    <mergeCell ref="S65:T65"/>
    <mergeCell ref="A61:B61"/>
    <mergeCell ref="S61:T61"/>
    <mergeCell ref="S62:T62"/>
    <mergeCell ref="S63:T63"/>
    <mergeCell ref="S64:T64"/>
    <mergeCell ref="S59:T59"/>
    <mergeCell ref="A62:B62"/>
    <mergeCell ref="A63:B63"/>
    <mergeCell ref="S60:T60"/>
    <mergeCell ref="A60:B60"/>
    <mergeCell ref="A59:B59"/>
    <mergeCell ref="S54:T54"/>
    <mergeCell ref="S55:T55"/>
    <mergeCell ref="S56:T56"/>
    <mergeCell ref="S57:T57"/>
    <mergeCell ref="S58:T58"/>
    <mergeCell ref="A54:B54"/>
    <mergeCell ref="A55:B55"/>
    <mergeCell ref="A56:B56"/>
    <mergeCell ref="A57:B57"/>
    <mergeCell ref="A58:B58"/>
    <mergeCell ref="A67:B67"/>
    <mergeCell ref="A68:B68"/>
    <mergeCell ref="A64:B64"/>
    <mergeCell ref="A65:B65"/>
    <mergeCell ref="A66:B66"/>
    <mergeCell ref="P21:Q21"/>
    <mergeCell ref="A52:B53"/>
    <mergeCell ref="P20:Q20"/>
    <mergeCell ref="P15:Q15"/>
    <mergeCell ref="P16:Q16"/>
    <mergeCell ref="P17:Q17"/>
    <mergeCell ref="P18:Q18"/>
    <mergeCell ref="P19:Q19"/>
    <mergeCell ref="C52:N52"/>
    <mergeCell ref="O52:O53"/>
    <mergeCell ref="P52:P53"/>
    <mergeCell ref="P22:S23"/>
    <mergeCell ref="S52:T52"/>
    <mergeCell ref="S53:T53"/>
  </mergeCells>
  <phoneticPr fontId="1"/>
  <printOptions horizontalCentered="1"/>
  <pageMargins left="3.937007874015748E-2" right="3.937007874015748E-2" top="0.35433070866141736" bottom="0.35433070866141736" header="0.31496062992125984" footer="0.31496062992125984"/>
  <pageSetup paperSize="9" scale="60" orientation="landscape" r:id="rId1"/>
  <headerFooter>
    <oddFooter>&amp;C&amp;P</oddFooter>
  </headerFooter>
  <rowBreaks count="1" manualBreakCount="1">
    <brk id="49" max="18" man="1"/>
  </row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89"/>
  <sheetViews>
    <sheetView view="pageBreakPreview" zoomScale="80" zoomScaleNormal="80" zoomScaleSheetLayoutView="80" workbookViewId="0"/>
  </sheetViews>
  <sheetFormatPr defaultColWidth="14.59765625" defaultRowHeight="14.4" x14ac:dyDescent="0.2"/>
  <cols>
    <col min="1" max="5" width="14.59765625" style="505"/>
    <col min="6" max="6" width="6.69921875" style="505" customWidth="1"/>
    <col min="7" max="12" width="14.59765625" style="505"/>
    <col min="13" max="13" width="6.69921875" style="505" customWidth="1"/>
    <col min="14" max="18" width="14.59765625" style="505"/>
    <col min="19" max="19" width="6.59765625" style="505" customWidth="1"/>
    <col min="20" max="16384" width="14.59765625" style="505"/>
  </cols>
  <sheetData>
    <row r="1" spans="1:12" ht="20.100000000000001" customHeight="1" x14ac:dyDescent="0.2">
      <c r="A1" s="130" t="s">
        <v>165</v>
      </c>
    </row>
    <row r="2" spans="1:12" ht="12" customHeight="1" x14ac:dyDescent="0.2">
      <c r="C2" s="525"/>
      <c r="D2" s="525"/>
      <c r="E2" s="525"/>
      <c r="F2" s="525"/>
    </row>
    <row r="3" spans="1:12" ht="20.100000000000001" customHeight="1" thickBot="1" x14ac:dyDescent="0.25">
      <c r="A3" s="505" t="s">
        <v>224</v>
      </c>
      <c r="D3" s="174" t="s">
        <v>220</v>
      </c>
    </row>
    <row r="4" spans="1:12" ht="20.100000000000001" customHeight="1" thickBot="1" x14ac:dyDescent="0.25">
      <c r="A4" s="311" t="s">
        <v>68</v>
      </c>
      <c r="B4" s="345" t="s">
        <v>148</v>
      </c>
      <c r="D4" s="311" t="s">
        <v>144</v>
      </c>
      <c r="E4" s="345" t="s">
        <v>148</v>
      </c>
    </row>
    <row r="5" spans="1:12" ht="20.100000000000001" customHeight="1" thickTop="1" x14ac:dyDescent="0.2">
      <c r="A5" s="538" t="s">
        <v>89</v>
      </c>
      <c r="B5" s="347">
        <v>9</v>
      </c>
      <c r="D5" s="538" t="s">
        <v>42</v>
      </c>
      <c r="E5" s="347">
        <v>58</v>
      </c>
    </row>
    <row r="6" spans="1:12" ht="20.100000000000001" customHeight="1" x14ac:dyDescent="0.2">
      <c r="A6" s="524" t="s">
        <v>90</v>
      </c>
      <c r="B6" s="349">
        <v>42</v>
      </c>
      <c r="D6" s="524" t="s">
        <v>43</v>
      </c>
      <c r="E6" s="349">
        <v>19</v>
      </c>
    </row>
    <row r="7" spans="1:12" ht="20.100000000000001" customHeight="1" x14ac:dyDescent="0.2">
      <c r="A7" s="524" t="s">
        <v>91</v>
      </c>
      <c r="B7" s="349">
        <v>30</v>
      </c>
      <c r="D7" s="524" t="s">
        <v>44</v>
      </c>
      <c r="E7" s="349">
        <v>13</v>
      </c>
    </row>
    <row r="8" spans="1:12" ht="20.100000000000001" customHeight="1" x14ac:dyDescent="0.2">
      <c r="A8" s="524" t="s">
        <v>92</v>
      </c>
      <c r="B8" s="349">
        <v>24</v>
      </c>
      <c r="D8" s="524" t="s">
        <v>45</v>
      </c>
      <c r="E8" s="349">
        <v>8</v>
      </c>
    </row>
    <row r="9" spans="1:12" ht="20.100000000000001" customHeight="1" x14ac:dyDescent="0.2">
      <c r="A9" s="524" t="s">
        <v>93</v>
      </c>
      <c r="B9" s="349">
        <v>15</v>
      </c>
      <c r="D9" s="524" t="s">
        <v>46</v>
      </c>
      <c r="E9" s="349">
        <v>10</v>
      </c>
    </row>
    <row r="10" spans="1:12" ht="20.100000000000001" customHeight="1" thickBot="1" x14ac:dyDescent="0.25">
      <c r="A10" s="350" t="s">
        <v>13</v>
      </c>
      <c r="B10" s="351">
        <v>19</v>
      </c>
      <c r="D10" s="524" t="s">
        <v>47</v>
      </c>
      <c r="E10" s="349">
        <v>11</v>
      </c>
      <c r="J10" s="535"/>
    </row>
    <row r="11" spans="1:12" ht="20.100000000000001" customHeight="1" thickTop="1" thickBot="1" x14ac:dyDescent="0.25">
      <c r="A11" s="352" t="s">
        <v>66</v>
      </c>
      <c r="B11" s="353">
        <v>139</v>
      </c>
      <c r="D11" s="524" t="s">
        <v>48</v>
      </c>
      <c r="E11" s="349">
        <v>12</v>
      </c>
      <c r="J11" s="535"/>
    </row>
    <row r="12" spans="1:12" ht="20.100000000000001" customHeight="1" thickBot="1" x14ac:dyDescent="0.25">
      <c r="A12" s="525"/>
      <c r="B12" s="525"/>
      <c r="D12" s="350" t="s">
        <v>49</v>
      </c>
      <c r="E12" s="351">
        <v>8</v>
      </c>
    </row>
    <row r="13" spans="1:12" ht="20.100000000000001" customHeight="1" thickTop="1" thickBot="1" x14ac:dyDescent="0.25">
      <c r="A13" s="174"/>
      <c r="D13" s="352" t="s">
        <v>66</v>
      </c>
      <c r="E13" s="353">
        <v>139</v>
      </c>
    </row>
    <row r="14" spans="1:12" ht="12" customHeight="1" x14ac:dyDescent="0.2">
      <c r="C14" s="565"/>
      <c r="D14" s="565"/>
      <c r="E14" s="565"/>
      <c r="F14" s="565"/>
    </row>
    <row r="15" spans="1:12" ht="20.100000000000001" customHeight="1" thickBot="1" x14ac:dyDescent="0.25">
      <c r="A15" s="505" t="s">
        <v>320</v>
      </c>
      <c r="D15" s="250" t="s">
        <v>236</v>
      </c>
      <c r="E15" s="174">
        <v>139</v>
      </c>
      <c r="G15" s="505" t="s">
        <v>321</v>
      </c>
      <c r="I15" s="505" t="s">
        <v>384</v>
      </c>
    </row>
    <row r="16" spans="1:12" ht="20.100000000000001" customHeight="1" thickBot="1" x14ac:dyDescent="0.25">
      <c r="A16" s="311" t="s">
        <v>68</v>
      </c>
      <c r="B16" s="315" t="s">
        <v>316</v>
      </c>
      <c r="C16" s="315" t="s">
        <v>317</v>
      </c>
      <c r="D16" s="315" t="s">
        <v>318</v>
      </c>
      <c r="E16" s="345" t="s">
        <v>319</v>
      </c>
      <c r="G16" s="311" t="s">
        <v>68</v>
      </c>
      <c r="H16" s="315" t="s">
        <v>322</v>
      </c>
      <c r="I16" s="315" t="s">
        <v>323</v>
      </c>
      <c r="J16" s="315" t="s">
        <v>324</v>
      </c>
      <c r="K16" s="315" t="s">
        <v>325</v>
      </c>
      <c r="L16" s="345" t="s">
        <v>326</v>
      </c>
    </row>
    <row r="17" spans="1:19" ht="20.100000000000001" customHeight="1" thickTop="1" x14ac:dyDescent="0.2">
      <c r="A17" s="538" t="s">
        <v>89</v>
      </c>
      <c r="B17" s="354">
        <v>3</v>
      </c>
      <c r="C17" s="354">
        <v>5</v>
      </c>
      <c r="D17" s="354">
        <v>0</v>
      </c>
      <c r="E17" s="355">
        <v>1</v>
      </c>
      <c r="G17" s="538" t="s">
        <v>89</v>
      </c>
      <c r="H17" s="356">
        <v>5</v>
      </c>
      <c r="I17" s="356">
        <v>4</v>
      </c>
      <c r="J17" s="356">
        <v>4</v>
      </c>
      <c r="K17" s="356">
        <v>5</v>
      </c>
      <c r="L17" s="347">
        <v>0</v>
      </c>
    </row>
    <row r="18" spans="1:19" ht="20.100000000000001" customHeight="1" x14ac:dyDescent="0.2">
      <c r="A18" s="524" t="s">
        <v>90</v>
      </c>
      <c r="B18" s="357">
        <v>21</v>
      </c>
      <c r="C18" s="357">
        <v>18</v>
      </c>
      <c r="D18" s="357">
        <v>0</v>
      </c>
      <c r="E18" s="358">
        <v>3</v>
      </c>
      <c r="G18" s="524" t="s">
        <v>90</v>
      </c>
      <c r="H18" s="359">
        <v>34</v>
      </c>
      <c r="I18" s="359">
        <v>17</v>
      </c>
      <c r="J18" s="359">
        <v>15</v>
      </c>
      <c r="K18" s="359">
        <v>21</v>
      </c>
      <c r="L18" s="349">
        <v>3</v>
      </c>
    </row>
    <row r="19" spans="1:19" ht="20.100000000000001" customHeight="1" x14ac:dyDescent="0.2">
      <c r="A19" s="524" t="s">
        <v>91</v>
      </c>
      <c r="B19" s="357">
        <v>17</v>
      </c>
      <c r="C19" s="357">
        <v>11</v>
      </c>
      <c r="D19" s="357">
        <v>0</v>
      </c>
      <c r="E19" s="358">
        <v>2</v>
      </c>
      <c r="G19" s="524" t="s">
        <v>91</v>
      </c>
      <c r="H19" s="359">
        <v>28</v>
      </c>
      <c r="I19" s="359">
        <v>13</v>
      </c>
      <c r="J19" s="359">
        <v>8</v>
      </c>
      <c r="K19" s="359">
        <v>15</v>
      </c>
      <c r="L19" s="349">
        <v>2</v>
      </c>
    </row>
    <row r="20" spans="1:19" ht="20.100000000000001" customHeight="1" x14ac:dyDescent="0.2">
      <c r="A20" s="524" t="s">
        <v>92</v>
      </c>
      <c r="B20" s="357">
        <v>16</v>
      </c>
      <c r="C20" s="357">
        <v>8</v>
      </c>
      <c r="D20" s="357">
        <v>0</v>
      </c>
      <c r="E20" s="358">
        <v>0</v>
      </c>
      <c r="G20" s="524" t="s">
        <v>92</v>
      </c>
      <c r="H20" s="359">
        <v>24</v>
      </c>
      <c r="I20" s="359">
        <v>11</v>
      </c>
      <c r="J20" s="359">
        <v>11</v>
      </c>
      <c r="K20" s="359">
        <v>10</v>
      </c>
      <c r="L20" s="349">
        <v>3</v>
      </c>
    </row>
    <row r="21" spans="1:19" ht="20.100000000000001" customHeight="1" x14ac:dyDescent="0.2">
      <c r="A21" s="524" t="s">
        <v>93</v>
      </c>
      <c r="B21" s="357">
        <v>14</v>
      </c>
      <c r="C21" s="357">
        <v>1</v>
      </c>
      <c r="D21" s="357">
        <v>0</v>
      </c>
      <c r="E21" s="358">
        <v>0</v>
      </c>
      <c r="G21" s="524" t="s">
        <v>93</v>
      </c>
      <c r="H21" s="359">
        <v>14</v>
      </c>
      <c r="I21" s="359">
        <v>9</v>
      </c>
      <c r="J21" s="359">
        <v>4</v>
      </c>
      <c r="K21" s="359">
        <v>3</v>
      </c>
      <c r="L21" s="349">
        <v>2</v>
      </c>
    </row>
    <row r="22" spans="1:19" ht="20.100000000000001" customHeight="1" thickBot="1" x14ac:dyDescent="0.25">
      <c r="A22" s="350" t="s">
        <v>13</v>
      </c>
      <c r="B22" s="360">
        <v>18</v>
      </c>
      <c r="C22" s="360">
        <v>1</v>
      </c>
      <c r="D22" s="360">
        <v>0</v>
      </c>
      <c r="E22" s="361">
        <v>0</v>
      </c>
      <c r="G22" s="350" t="s">
        <v>13</v>
      </c>
      <c r="H22" s="362">
        <v>19</v>
      </c>
      <c r="I22" s="362">
        <v>7</v>
      </c>
      <c r="J22" s="362">
        <v>7</v>
      </c>
      <c r="K22" s="362">
        <v>3</v>
      </c>
      <c r="L22" s="351">
        <v>2</v>
      </c>
      <c r="M22" s="535"/>
    </row>
    <row r="23" spans="1:19" ht="20.100000000000001" customHeight="1" thickTop="1" x14ac:dyDescent="0.2">
      <c r="A23" s="363" t="s">
        <v>66</v>
      </c>
      <c r="B23" s="364">
        <v>89</v>
      </c>
      <c r="C23" s="364">
        <v>44</v>
      </c>
      <c r="D23" s="364">
        <v>0</v>
      </c>
      <c r="E23" s="355">
        <v>6</v>
      </c>
      <c r="G23" s="363" t="s">
        <v>66</v>
      </c>
      <c r="H23" s="365">
        <v>124</v>
      </c>
      <c r="I23" s="365">
        <v>61</v>
      </c>
      <c r="J23" s="365">
        <v>49</v>
      </c>
      <c r="K23" s="366">
        <v>57</v>
      </c>
      <c r="L23" s="367">
        <v>12</v>
      </c>
      <c r="M23" s="535"/>
    </row>
    <row r="24" spans="1:19" ht="20.100000000000001" customHeight="1" thickBot="1" x14ac:dyDescent="0.25">
      <c r="A24" s="352" t="s">
        <v>215</v>
      </c>
      <c r="B24" s="43">
        <v>0.64028776978417268</v>
      </c>
      <c r="C24" s="43">
        <v>0.31654676258992803</v>
      </c>
      <c r="D24" s="43">
        <v>0</v>
      </c>
      <c r="E24" s="44">
        <v>4.3165467625899283E-2</v>
      </c>
      <c r="G24" s="352" t="s">
        <v>215</v>
      </c>
      <c r="H24" s="43">
        <v>0.40924092409240925</v>
      </c>
      <c r="I24" s="43">
        <v>0.20132013201320131</v>
      </c>
      <c r="J24" s="43">
        <v>0.1617161716171617</v>
      </c>
      <c r="K24" s="541">
        <v>0.18811881188118812</v>
      </c>
      <c r="L24" s="542">
        <v>3.9603960396039604E-2</v>
      </c>
    </row>
    <row r="25" spans="1:19" ht="12" customHeight="1" x14ac:dyDescent="0.2">
      <c r="C25" s="565"/>
      <c r="D25" s="565"/>
      <c r="E25" s="565"/>
      <c r="F25" s="565"/>
    </row>
    <row r="26" spans="1:19" ht="20.100000000000001" customHeight="1" thickBot="1" x14ac:dyDescent="0.25">
      <c r="A26" s="505" t="s">
        <v>327</v>
      </c>
      <c r="G26" s="46" t="s">
        <v>225</v>
      </c>
      <c r="H26" s="45"/>
      <c r="I26" s="45"/>
      <c r="J26" s="45"/>
      <c r="K26" s="45"/>
    </row>
    <row r="27" spans="1:19" ht="20.100000000000001" customHeight="1" x14ac:dyDescent="0.2">
      <c r="A27" s="543" t="s">
        <v>368</v>
      </c>
      <c r="B27" s="544"/>
      <c r="C27" s="544"/>
      <c r="D27" s="544"/>
      <c r="E27" s="545"/>
      <c r="G27" s="546" t="s">
        <v>375</v>
      </c>
      <c r="H27" s="547"/>
      <c r="I27" s="547"/>
      <c r="J27" s="547"/>
      <c r="K27" s="547"/>
      <c r="L27" s="548"/>
    </row>
    <row r="28" spans="1:19" ht="20.100000000000001" customHeight="1" x14ac:dyDescent="0.2">
      <c r="A28" s="549" t="s">
        <v>369</v>
      </c>
      <c r="B28" s="550"/>
      <c r="C28" s="550"/>
      <c r="D28" s="550"/>
      <c r="E28" s="551"/>
      <c r="G28" s="552" t="s">
        <v>376</v>
      </c>
      <c r="H28" s="46"/>
      <c r="I28" s="46"/>
      <c r="J28" s="46"/>
      <c r="K28" s="46"/>
      <c r="L28" s="553"/>
    </row>
    <row r="29" spans="1:19" ht="20.100000000000001" customHeight="1" x14ac:dyDescent="0.2">
      <c r="A29" s="549" t="s">
        <v>370</v>
      </c>
      <c r="B29" s="550"/>
      <c r="C29" s="550"/>
      <c r="D29" s="550"/>
      <c r="E29" s="551"/>
      <c r="G29" s="552" t="s">
        <v>377</v>
      </c>
      <c r="H29" s="46"/>
      <c r="I29" s="46"/>
      <c r="J29" s="46"/>
      <c r="K29" s="46"/>
      <c r="L29" s="553"/>
      <c r="S29" s="13"/>
    </row>
    <row r="30" spans="1:19" ht="20.100000000000001" customHeight="1" x14ac:dyDescent="0.2">
      <c r="A30" s="549" t="s">
        <v>371</v>
      </c>
      <c r="B30" s="550"/>
      <c r="C30" s="550"/>
      <c r="D30" s="550"/>
      <c r="E30" s="551"/>
      <c r="G30" s="552"/>
      <c r="H30" s="46"/>
      <c r="I30" s="46"/>
      <c r="J30" s="46"/>
      <c r="K30" s="46"/>
      <c r="L30" s="553"/>
      <c r="S30" s="13"/>
    </row>
    <row r="31" spans="1:19" ht="20.100000000000001" customHeight="1" x14ac:dyDescent="0.2">
      <c r="A31" s="549" t="s">
        <v>372</v>
      </c>
      <c r="B31" s="550"/>
      <c r="C31" s="550"/>
      <c r="D31" s="550"/>
      <c r="E31" s="551"/>
      <c r="G31" s="552"/>
      <c r="H31" s="46"/>
      <c r="I31" s="46"/>
      <c r="J31" s="46"/>
      <c r="K31" s="46"/>
      <c r="L31" s="553"/>
      <c r="S31" s="13"/>
    </row>
    <row r="32" spans="1:19" ht="20.100000000000001" customHeight="1" x14ac:dyDescent="0.2">
      <c r="A32" s="549" t="s">
        <v>373</v>
      </c>
      <c r="B32" s="550"/>
      <c r="C32" s="550"/>
      <c r="D32" s="550"/>
      <c r="E32" s="551"/>
      <c r="G32" s="552"/>
      <c r="H32" s="46"/>
      <c r="I32" s="46"/>
      <c r="J32" s="46"/>
      <c r="K32" s="46"/>
      <c r="L32" s="553"/>
      <c r="S32" s="13"/>
    </row>
    <row r="33" spans="1:19" ht="20.100000000000001" customHeight="1" thickBot="1" x14ac:dyDescent="0.25">
      <c r="A33" s="554" t="s">
        <v>374</v>
      </c>
      <c r="B33" s="555"/>
      <c r="C33" s="555"/>
      <c r="D33" s="555"/>
      <c r="E33" s="556"/>
      <c r="G33" s="557"/>
      <c r="H33" s="558"/>
      <c r="I33" s="558"/>
      <c r="J33" s="558"/>
      <c r="K33" s="558"/>
      <c r="L33" s="559"/>
      <c r="S33" s="13"/>
    </row>
    <row r="34" spans="1:19" ht="12" customHeight="1" x14ac:dyDescent="0.2">
      <c r="C34" s="565"/>
      <c r="D34" s="565"/>
      <c r="E34" s="565"/>
      <c r="F34" s="565"/>
    </row>
    <row r="35" spans="1:19" ht="20.100000000000001" customHeight="1" thickBot="1" x14ac:dyDescent="0.25">
      <c r="A35" s="505" t="s">
        <v>328</v>
      </c>
      <c r="S35" s="13"/>
    </row>
    <row r="36" spans="1:19" ht="20.100000000000001" customHeight="1" x14ac:dyDescent="0.2">
      <c r="A36" s="543" t="s">
        <v>378</v>
      </c>
      <c r="B36" s="544"/>
      <c r="C36" s="544"/>
      <c r="D36" s="544"/>
      <c r="E36" s="545"/>
      <c r="S36" s="13"/>
    </row>
    <row r="37" spans="1:19" ht="20.100000000000001" customHeight="1" x14ac:dyDescent="0.2">
      <c r="A37" s="549"/>
      <c r="B37" s="174"/>
      <c r="C37" s="174"/>
      <c r="D37" s="174"/>
      <c r="E37" s="551"/>
    </row>
    <row r="38" spans="1:19" ht="20.100000000000001" customHeight="1" thickBot="1" x14ac:dyDescent="0.25">
      <c r="A38" s="554"/>
      <c r="B38" s="555"/>
      <c r="C38" s="555"/>
      <c r="D38" s="555"/>
      <c r="E38" s="556"/>
    </row>
    <row r="39" spans="1:19" ht="20.100000000000001" customHeight="1" x14ac:dyDescent="0.2"/>
    <row r="40" spans="1:19" ht="20.100000000000001" customHeight="1" thickBot="1" x14ac:dyDescent="0.25">
      <c r="A40" s="505" t="s">
        <v>177</v>
      </c>
      <c r="D40" s="250" t="s">
        <v>236</v>
      </c>
      <c r="E40" s="174">
        <v>133</v>
      </c>
      <c r="G40" s="505" t="s">
        <v>178</v>
      </c>
      <c r="J40" s="250" t="s">
        <v>236</v>
      </c>
      <c r="K40" s="174">
        <v>131</v>
      </c>
    </row>
    <row r="41" spans="1:19" ht="20.100000000000001" customHeight="1" thickBot="1" x14ac:dyDescent="0.25">
      <c r="A41" s="311" t="s">
        <v>68</v>
      </c>
      <c r="B41" s="369" t="s">
        <v>181</v>
      </c>
      <c r="C41" s="315" t="s">
        <v>245</v>
      </c>
      <c r="D41" s="288" t="s">
        <v>182</v>
      </c>
      <c r="E41" s="345" t="s">
        <v>183</v>
      </c>
      <c r="G41" s="311" t="s">
        <v>68</v>
      </c>
      <c r="H41" s="369" t="s">
        <v>181</v>
      </c>
      <c r="I41" s="315" t="s">
        <v>245</v>
      </c>
      <c r="J41" s="288" t="s">
        <v>182</v>
      </c>
      <c r="K41" s="345" t="s">
        <v>183</v>
      </c>
    </row>
    <row r="42" spans="1:19" ht="19.5" customHeight="1" thickTop="1" x14ac:dyDescent="0.2">
      <c r="A42" s="687" t="s">
        <v>89</v>
      </c>
      <c r="B42" s="356">
        <v>3</v>
      </c>
      <c r="C42" s="356">
        <v>3</v>
      </c>
      <c r="D42" s="356">
        <v>0</v>
      </c>
      <c r="E42" s="347">
        <v>1</v>
      </c>
      <c r="G42" s="687" t="s">
        <v>89</v>
      </c>
      <c r="H42" s="356">
        <v>2</v>
      </c>
      <c r="I42" s="356">
        <v>4</v>
      </c>
      <c r="J42" s="356">
        <v>0</v>
      </c>
      <c r="K42" s="347">
        <v>1</v>
      </c>
    </row>
    <row r="43" spans="1:19" ht="19.5" customHeight="1" x14ac:dyDescent="0.2">
      <c r="A43" s="663"/>
      <c r="B43" s="685">
        <v>0.8571428571428571</v>
      </c>
      <c r="C43" s="688"/>
      <c r="D43" s="685">
        <v>0.14285714285714285</v>
      </c>
      <c r="E43" s="686"/>
      <c r="G43" s="663"/>
      <c r="H43" s="685">
        <v>0.8571428571428571</v>
      </c>
      <c r="I43" s="688"/>
      <c r="J43" s="685">
        <v>0.14285714285714285</v>
      </c>
      <c r="K43" s="686"/>
    </row>
    <row r="44" spans="1:19" ht="19.5" customHeight="1" x14ac:dyDescent="0.2">
      <c r="A44" s="689" t="s">
        <v>90</v>
      </c>
      <c r="B44" s="359">
        <v>25</v>
      </c>
      <c r="C44" s="359">
        <v>14</v>
      </c>
      <c r="D44" s="359">
        <v>1</v>
      </c>
      <c r="E44" s="349">
        <v>1</v>
      </c>
      <c r="G44" s="689" t="s">
        <v>90</v>
      </c>
      <c r="H44" s="359">
        <v>18</v>
      </c>
      <c r="I44" s="359">
        <v>19</v>
      </c>
      <c r="J44" s="359">
        <v>2</v>
      </c>
      <c r="K44" s="349">
        <v>1</v>
      </c>
    </row>
    <row r="45" spans="1:19" ht="19.5" customHeight="1" x14ac:dyDescent="0.2">
      <c r="A45" s="663"/>
      <c r="B45" s="685">
        <v>0.95121951219512191</v>
      </c>
      <c r="C45" s="688"/>
      <c r="D45" s="685">
        <v>4.878048780487805E-2</v>
      </c>
      <c r="E45" s="686"/>
      <c r="G45" s="663"/>
      <c r="H45" s="685">
        <v>0.92500000000000004</v>
      </c>
      <c r="I45" s="688"/>
      <c r="J45" s="685">
        <v>7.4999999999999997E-2</v>
      </c>
      <c r="K45" s="686"/>
    </row>
    <row r="46" spans="1:19" ht="19.5" customHeight="1" x14ac:dyDescent="0.2">
      <c r="A46" s="689" t="s">
        <v>91</v>
      </c>
      <c r="B46" s="359">
        <v>11</v>
      </c>
      <c r="C46" s="359">
        <v>17</v>
      </c>
      <c r="D46" s="359">
        <v>0</v>
      </c>
      <c r="E46" s="349">
        <v>0</v>
      </c>
      <c r="G46" s="689" t="s">
        <v>91</v>
      </c>
      <c r="H46" s="359">
        <v>10</v>
      </c>
      <c r="I46" s="359">
        <v>17</v>
      </c>
      <c r="J46" s="359">
        <v>1</v>
      </c>
      <c r="K46" s="349">
        <v>0</v>
      </c>
    </row>
    <row r="47" spans="1:19" ht="19.5" customHeight="1" x14ac:dyDescent="0.2">
      <c r="A47" s="663"/>
      <c r="B47" s="685">
        <v>1</v>
      </c>
      <c r="C47" s="688"/>
      <c r="D47" s="685">
        <v>0</v>
      </c>
      <c r="E47" s="686"/>
      <c r="G47" s="663"/>
      <c r="H47" s="685">
        <v>0.9642857142857143</v>
      </c>
      <c r="I47" s="688"/>
      <c r="J47" s="685">
        <v>3.5714285714285712E-2</v>
      </c>
      <c r="K47" s="686"/>
    </row>
    <row r="48" spans="1:19" ht="19.5" customHeight="1" x14ac:dyDescent="0.2">
      <c r="A48" s="689" t="s">
        <v>92</v>
      </c>
      <c r="B48" s="359">
        <v>11</v>
      </c>
      <c r="C48" s="359">
        <v>12</v>
      </c>
      <c r="D48" s="359">
        <v>0</v>
      </c>
      <c r="E48" s="349">
        <v>0</v>
      </c>
      <c r="G48" s="689" t="s">
        <v>92</v>
      </c>
      <c r="H48" s="359">
        <v>8</v>
      </c>
      <c r="I48" s="359">
        <v>13</v>
      </c>
      <c r="J48" s="359">
        <v>2</v>
      </c>
      <c r="K48" s="349">
        <v>0</v>
      </c>
    </row>
    <row r="49" spans="1:24" ht="19.5" customHeight="1" x14ac:dyDescent="0.2">
      <c r="A49" s="663"/>
      <c r="B49" s="685">
        <v>1</v>
      </c>
      <c r="C49" s="688"/>
      <c r="D49" s="685">
        <v>0</v>
      </c>
      <c r="E49" s="686"/>
      <c r="G49" s="663"/>
      <c r="H49" s="685">
        <v>0.91304347826086951</v>
      </c>
      <c r="I49" s="688"/>
      <c r="J49" s="685">
        <v>8.6956521739130432E-2</v>
      </c>
      <c r="K49" s="686"/>
    </row>
    <row r="50" spans="1:24" ht="19.5" customHeight="1" x14ac:dyDescent="0.2">
      <c r="A50" s="689" t="s">
        <v>93</v>
      </c>
      <c r="B50" s="359">
        <v>10</v>
      </c>
      <c r="C50" s="359">
        <v>5</v>
      </c>
      <c r="D50" s="359">
        <v>0</v>
      </c>
      <c r="E50" s="349">
        <v>0</v>
      </c>
      <c r="G50" s="689" t="s">
        <v>93</v>
      </c>
      <c r="H50" s="359">
        <v>5</v>
      </c>
      <c r="I50" s="359">
        <v>9</v>
      </c>
      <c r="J50" s="359">
        <v>0</v>
      </c>
      <c r="K50" s="349">
        <v>0</v>
      </c>
    </row>
    <row r="51" spans="1:24" ht="19.5" customHeight="1" x14ac:dyDescent="0.2">
      <c r="A51" s="663"/>
      <c r="B51" s="685">
        <v>1</v>
      </c>
      <c r="C51" s="688"/>
      <c r="D51" s="685">
        <v>0</v>
      </c>
      <c r="E51" s="686"/>
      <c r="G51" s="663"/>
      <c r="H51" s="685">
        <v>1</v>
      </c>
      <c r="I51" s="688"/>
      <c r="J51" s="685">
        <v>0</v>
      </c>
      <c r="K51" s="686"/>
    </row>
    <row r="52" spans="1:24" ht="19.5" customHeight="1" x14ac:dyDescent="0.2">
      <c r="A52" s="689" t="s">
        <v>13</v>
      </c>
      <c r="B52" s="370">
        <v>14</v>
      </c>
      <c r="C52" s="370">
        <v>5</v>
      </c>
      <c r="D52" s="370">
        <v>0</v>
      </c>
      <c r="E52" s="371">
        <v>0</v>
      </c>
      <c r="G52" s="689" t="s">
        <v>13</v>
      </c>
      <c r="H52" s="370">
        <v>11</v>
      </c>
      <c r="I52" s="370">
        <v>8</v>
      </c>
      <c r="J52" s="370">
        <v>0</v>
      </c>
      <c r="K52" s="371">
        <v>0</v>
      </c>
    </row>
    <row r="53" spans="1:24" ht="19.5" customHeight="1" thickBot="1" x14ac:dyDescent="0.25">
      <c r="A53" s="690"/>
      <c r="B53" s="685">
        <v>1</v>
      </c>
      <c r="C53" s="688"/>
      <c r="D53" s="685">
        <v>0</v>
      </c>
      <c r="E53" s="686"/>
      <c r="G53" s="690"/>
      <c r="H53" s="685">
        <v>1</v>
      </c>
      <c r="I53" s="688"/>
      <c r="J53" s="685">
        <v>0</v>
      </c>
      <c r="K53" s="686"/>
    </row>
    <row r="54" spans="1:24" ht="19.5" customHeight="1" thickTop="1" x14ac:dyDescent="0.2">
      <c r="A54" s="363" t="s">
        <v>66</v>
      </c>
      <c r="B54" s="365">
        <v>74</v>
      </c>
      <c r="C54" s="365">
        <v>56</v>
      </c>
      <c r="D54" s="365">
        <v>1</v>
      </c>
      <c r="E54" s="367">
        <v>2</v>
      </c>
      <c r="G54" s="363" t="s">
        <v>66</v>
      </c>
      <c r="H54" s="365">
        <v>54</v>
      </c>
      <c r="I54" s="365">
        <v>70</v>
      </c>
      <c r="J54" s="365">
        <v>5</v>
      </c>
      <c r="K54" s="367">
        <v>2</v>
      </c>
    </row>
    <row r="55" spans="1:24" ht="19.5" customHeight="1" thickBot="1" x14ac:dyDescent="0.25">
      <c r="A55" s="372" t="s">
        <v>189</v>
      </c>
      <c r="B55" s="691">
        <v>0.97744360902255634</v>
      </c>
      <c r="C55" s="692"/>
      <c r="D55" s="691">
        <v>2.2556390977443608E-2</v>
      </c>
      <c r="E55" s="693"/>
      <c r="G55" s="372" t="s">
        <v>189</v>
      </c>
      <c r="H55" s="691">
        <v>0.94656488549618323</v>
      </c>
      <c r="I55" s="692"/>
      <c r="J55" s="691">
        <v>5.3435114503816793E-2</v>
      </c>
      <c r="K55" s="693"/>
    </row>
    <row r="56" spans="1:24" ht="12" customHeight="1" x14ac:dyDescent="0.2">
      <c r="C56" s="565"/>
      <c r="D56" s="565"/>
      <c r="E56" s="565"/>
      <c r="F56" s="565"/>
    </row>
    <row r="57" spans="1:24" ht="19.5" customHeight="1" thickBot="1" x14ac:dyDescent="0.25">
      <c r="A57" s="505" t="s">
        <v>179</v>
      </c>
      <c r="D57" s="250" t="s">
        <v>236</v>
      </c>
      <c r="E57" s="174">
        <v>130</v>
      </c>
      <c r="G57" s="13" t="s">
        <v>187</v>
      </c>
      <c r="H57" s="13"/>
      <c r="I57" s="13"/>
      <c r="J57" s="13"/>
      <c r="N57" s="525"/>
      <c r="O57" s="12"/>
      <c r="P57" s="12"/>
      <c r="Q57" s="12"/>
      <c r="R57" s="12"/>
      <c r="T57" s="525"/>
      <c r="U57" s="12"/>
      <c r="V57" s="12"/>
      <c r="W57" s="12"/>
      <c r="X57" s="12"/>
    </row>
    <row r="58" spans="1:24" ht="19.5" customHeight="1" thickBot="1" x14ac:dyDescent="0.25">
      <c r="A58" s="311" t="s">
        <v>68</v>
      </c>
      <c r="B58" s="369" t="s">
        <v>181</v>
      </c>
      <c r="C58" s="315" t="s">
        <v>245</v>
      </c>
      <c r="D58" s="288" t="s">
        <v>182</v>
      </c>
      <c r="E58" s="345" t="s">
        <v>183</v>
      </c>
      <c r="G58" s="373" t="s">
        <v>184</v>
      </c>
      <c r="H58" s="374"/>
      <c r="I58" s="375"/>
      <c r="J58" s="374"/>
      <c r="K58" s="376"/>
      <c r="N58" s="525"/>
      <c r="O58" s="12"/>
      <c r="P58" s="12"/>
      <c r="Q58" s="12"/>
      <c r="R58" s="12"/>
      <c r="T58" s="525"/>
      <c r="U58" s="12"/>
      <c r="V58" s="12"/>
      <c r="W58" s="12"/>
      <c r="X58" s="12"/>
    </row>
    <row r="59" spans="1:24" ht="19.5" customHeight="1" thickTop="1" x14ac:dyDescent="0.2">
      <c r="A59" s="687" t="s">
        <v>89</v>
      </c>
      <c r="B59" s="356">
        <v>1</v>
      </c>
      <c r="C59" s="356">
        <v>5</v>
      </c>
      <c r="D59" s="356">
        <v>0</v>
      </c>
      <c r="E59" s="347">
        <v>1</v>
      </c>
      <c r="G59" s="368"/>
      <c r="I59" s="13"/>
      <c r="J59" s="13"/>
      <c r="K59" s="377"/>
      <c r="N59" s="525"/>
      <c r="O59" s="12"/>
      <c r="P59" s="12"/>
      <c r="Q59" s="12"/>
      <c r="R59" s="12"/>
      <c r="T59" s="525"/>
      <c r="U59" s="12"/>
      <c r="V59" s="12"/>
      <c r="W59" s="12"/>
      <c r="X59" s="12"/>
    </row>
    <row r="60" spans="1:24" ht="19.5" customHeight="1" x14ac:dyDescent="0.2">
      <c r="A60" s="663"/>
      <c r="B60" s="685">
        <v>0.8571428571428571</v>
      </c>
      <c r="C60" s="688"/>
      <c r="D60" s="685">
        <v>0.14285714285714285</v>
      </c>
      <c r="E60" s="686"/>
      <c r="G60" s="368" t="s">
        <v>185</v>
      </c>
      <c r="I60" s="13"/>
      <c r="K60" s="378"/>
      <c r="N60" s="525"/>
      <c r="O60" s="12"/>
      <c r="P60" s="12"/>
      <c r="Q60" s="12"/>
      <c r="R60" s="12"/>
      <c r="T60" s="525"/>
      <c r="U60" s="12"/>
      <c r="V60" s="12"/>
      <c r="W60" s="12"/>
      <c r="X60" s="12"/>
    </row>
    <row r="61" spans="1:24" ht="19.5" customHeight="1" x14ac:dyDescent="0.2">
      <c r="A61" s="689" t="s">
        <v>90</v>
      </c>
      <c r="B61" s="359">
        <v>14</v>
      </c>
      <c r="C61" s="359">
        <v>20</v>
      </c>
      <c r="D61" s="359">
        <v>4</v>
      </c>
      <c r="E61" s="349">
        <v>1</v>
      </c>
      <c r="G61" s="368" t="s">
        <v>355</v>
      </c>
      <c r="I61" s="13"/>
      <c r="J61" s="13"/>
      <c r="K61" s="377"/>
      <c r="N61" s="525"/>
      <c r="O61" s="12"/>
      <c r="P61" s="12"/>
      <c r="Q61" s="12"/>
      <c r="R61" s="12"/>
      <c r="T61" s="525"/>
      <c r="U61" s="12"/>
      <c r="V61" s="12"/>
      <c r="W61" s="12"/>
      <c r="X61" s="12"/>
    </row>
    <row r="62" spans="1:24" ht="19.5" customHeight="1" x14ac:dyDescent="0.2">
      <c r="A62" s="663"/>
      <c r="B62" s="685">
        <v>0.87179487179487181</v>
      </c>
      <c r="C62" s="688"/>
      <c r="D62" s="685">
        <v>0.12820512820512819</v>
      </c>
      <c r="E62" s="686"/>
      <c r="G62" s="368" t="s">
        <v>356</v>
      </c>
      <c r="I62" s="13"/>
      <c r="J62" s="13"/>
      <c r="K62" s="377"/>
      <c r="N62" s="525"/>
      <c r="O62" s="12"/>
      <c r="P62" s="12"/>
      <c r="Q62" s="12"/>
      <c r="R62" s="12"/>
      <c r="T62" s="525"/>
      <c r="U62" s="12"/>
      <c r="V62" s="12"/>
      <c r="W62" s="12"/>
      <c r="X62" s="12"/>
    </row>
    <row r="63" spans="1:24" ht="19.5" customHeight="1" x14ac:dyDescent="0.2">
      <c r="A63" s="689" t="s">
        <v>91</v>
      </c>
      <c r="B63" s="359">
        <v>8</v>
      </c>
      <c r="C63" s="359">
        <v>19</v>
      </c>
      <c r="D63" s="359">
        <v>1</v>
      </c>
      <c r="E63" s="349">
        <v>0</v>
      </c>
      <c r="G63" s="368" t="s">
        <v>186</v>
      </c>
      <c r="I63" s="13"/>
      <c r="J63" s="13"/>
      <c r="K63" s="377"/>
      <c r="N63" s="525"/>
      <c r="O63" s="12"/>
      <c r="P63" s="12"/>
      <c r="Q63" s="12"/>
      <c r="R63" s="12"/>
      <c r="T63" s="525"/>
      <c r="U63" s="12"/>
      <c r="V63" s="12"/>
      <c r="W63" s="12"/>
      <c r="X63" s="12"/>
    </row>
    <row r="64" spans="1:24" ht="19.5" customHeight="1" x14ac:dyDescent="0.2">
      <c r="A64" s="663"/>
      <c r="B64" s="685">
        <v>0.9642857142857143</v>
      </c>
      <c r="C64" s="688"/>
      <c r="D64" s="685">
        <v>3.5714285714285712E-2</v>
      </c>
      <c r="E64" s="686"/>
      <c r="G64" s="368" t="s">
        <v>356</v>
      </c>
      <c r="I64" s="13"/>
      <c r="J64" s="13"/>
      <c r="K64" s="377"/>
    </row>
    <row r="65" spans="1:11" ht="19.5" customHeight="1" x14ac:dyDescent="0.2">
      <c r="A65" s="689" t="s">
        <v>92</v>
      </c>
      <c r="B65" s="359">
        <v>6</v>
      </c>
      <c r="C65" s="359">
        <v>16</v>
      </c>
      <c r="D65" s="359">
        <v>0</v>
      </c>
      <c r="E65" s="349">
        <v>1</v>
      </c>
      <c r="G65" s="368"/>
      <c r="I65" s="13"/>
      <c r="J65" s="13"/>
      <c r="K65" s="377"/>
    </row>
    <row r="66" spans="1:11" ht="19.5" customHeight="1" thickBot="1" x14ac:dyDescent="0.25">
      <c r="A66" s="663"/>
      <c r="B66" s="685">
        <v>0.95652173913043481</v>
      </c>
      <c r="C66" s="688"/>
      <c r="D66" s="685">
        <v>4.3478260869565216E-2</v>
      </c>
      <c r="E66" s="686"/>
      <c r="G66" s="379"/>
      <c r="H66" s="380"/>
      <c r="I66" s="381"/>
      <c r="J66" s="381"/>
      <c r="K66" s="382"/>
    </row>
    <row r="67" spans="1:11" ht="19.5" customHeight="1" x14ac:dyDescent="0.2">
      <c r="A67" s="689" t="s">
        <v>93</v>
      </c>
      <c r="B67" s="359">
        <v>6</v>
      </c>
      <c r="C67" s="359">
        <v>8</v>
      </c>
      <c r="D67" s="359">
        <v>0</v>
      </c>
      <c r="E67" s="349">
        <v>0</v>
      </c>
      <c r="I67" s="13"/>
      <c r="J67" s="13"/>
      <c r="K67" s="13"/>
    </row>
    <row r="68" spans="1:11" ht="19.5" customHeight="1" x14ac:dyDescent="0.2">
      <c r="A68" s="663"/>
      <c r="B68" s="685">
        <v>1</v>
      </c>
      <c r="C68" s="688"/>
      <c r="D68" s="685">
        <v>0</v>
      </c>
      <c r="E68" s="686"/>
    </row>
    <row r="69" spans="1:11" ht="19.5" customHeight="1" x14ac:dyDescent="0.2">
      <c r="A69" s="689" t="s">
        <v>13</v>
      </c>
      <c r="B69" s="370">
        <v>11</v>
      </c>
      <c r="C69" s="370">
        <v>8</v>
      </c>
      <c r="D69" s="370">
        <v>0</v>
      </c>
      <c r="E69" s="371">
        <v>0</v>
      </c>
    </row>
    <row r="70" spans="1:11" ht="19.5" customHeight="1" thickBot="1" x14ac:dyDescent="0.25">
      <c r="A70" s="690"/>
      <c r="B70" s="685">
        <v>1</v>
      </c>
      <c r="C70" s="688"/>
      <c r="D70" s="685">
        <v>0</v>
      </c>
      <c r="E70" s="686"/>
    </row>
    <row r="71" spans="1:11" ht="19.5" customHeight="1" thickTop="1" x14ac:dyDescent="0.2">
      <c r="A71" s="363" t="s">
        <v>66</v>
      </c>
      <c r="B71" s="365">
        <v>46</v>
      </c>
      <c r="C71" s="365">
        <v>76</v>
      </c>
      <c r="D71" s="365">
        <v>5</v>
      </c>
      <c r="E71" s="367">
        <v>3</v>
      </c>
    </row>
    <row r="72" spans="1:11" ht="19.5" customHeight="1" thickBot="1" x14ac:dyDescent="0.25">
      <c r="A72" s="372" t="s">
        <v>189</v>
      </c>
      <c r="B72" s="691">
        <v>0.93846153846153846</v>
      </c>
      <c r="C72" s="692"/>
      <c r="D72" s="691">
        <v>6.1538461538461542E-2</v>
      </c>
      <c r="E72" s="693"/>
    </row>
    <row r="73" spans="1:11" ht="12" customHeight="1" x14ac:dyDescent="0.2">
      <c r="C73" s="565"/>
      <c r="D73" s="565"/>
      <c r="E73" s="565"/>
      <c r="F73" s="565"/>
    </row>
    <row r="74" spans="1:11" ht="19.5" customHeight="1" thickBot="1" x14ac:dyDescent="0.25">
      <c r="A74" s="505" t="s">
        <v>180</v>
      </c>
      <c r="D74" s="250" t="s">
        <v>236</v>
      </c>
      <c r="E74" s="174">
        <v>132</v>
      </c>
      <c r="G74" s="13" t="s">
        <v>188</v>
      </c>
    </row>
    <row r="75" spans="1:11" ht="19.5" customHeight="1" thickBot="1" x14ac:dyDescent="0.25">
      <c r="A75" s="311" t="s">
        <v>68</v>
      </c>
      <c r="B75" s="369" t="s">
        <v>181</v>
      </c>
      <c r="C75" s="315" t="s">
        <v>245</v>
      </c>
      <c r="D75" s="288" t="s">
        <v>182</v>
      </c>
      <c r="E75" s="345" t="s">
        <v>183</v>
      </c>
      <c r="G75" s="383" t="s">
        <v>357</v>
      </c>
      <c r="H75" s="374"/>
      <c r="I75" s="374"/>
      <c r="J75" s="375"/>
      <c r="K75" s="384"/>
    </row>
    <row r="76" spans="1:11" ht="19.5" customHeight="1" thickTop="1" x14ac:dyDescent="0.2">
      <c r="A76" s="687" t="s">
        <v>89</v>
      </c>
      <c r="B76" s="356">
        <v>3</v>
      </c>
      <c r="C76" s="356">
        <v>3</v>
      </c>
      <c r="D76" s="356">
        <v>1</v>
      </c>
      <c r="E76" s="347">
        <v>0</v>
      </c>
      <c r="G76" s="385" t="s">
        <v>358</v>
      </c>
      <c r="K76" s="378"/>
    </row>
    <row r="77" spans="1:11" ht="19.5" customHeight="1" thickBot="1" x14ac:dyDescent="0.25">
      <c r="A77" s="663"/>
      <c r="B77" s="685">
        <v>0.8571428571428571</v>
      </c>
      <c r="C77" s="688"/>
      <c r="D77" s="685">
        <v>0.14285714285714285</v>
      </c>
      <c r="E77" s="686"/>
      <c r="G77" s="386"/>
      <c r="H77" s="380"/>
      <c r="I77" s="380"/>
      <c r="J77" s="380"/>
      <c r="K77" s="387"/>
    </row>
    <row r="78" spans="1:11" ht="19.5" customHeight="1" x14ac:dyDescent="0.2">
      <c r="A78" s="689" t="s">
        <v>90</v>
      </c>
      <c r="B78" s="359">
        <v>21</v>
      </c>
      <c r="C78" s="359">
        <v>17</v>
      </c>
      <c r="D78" s="359">
        <v>2</v>
      </c>
      <c r="E78" s="349">
        <v>1</v>
      </c>
    </row>
    <row r="79" spans="1:11" ht="19.5" customHeight="1" x14ac:dyDescent="0.2">
      <c r="A79" s="663"/>
      <c r="B79" s="685">
        <v>0.92682926829268297</v>
      </c>
      <c r="C79" s="688"/>
      <c r="D79" s="685">
        <v>7.3170731707317069E-2</v>
      </c>
      <c r="E79" s="686"/>
    </row>
    <row r="80" spans="1:11" ht="19.5" customHeight="1" x14ac:dyDescent="0.2">
      <c r="A80" s="689" t="s">
        <v>91</v>
      </c>
      <c r="B80" s="359">
        <v>10</v>
      </c>
      <c r="C80" s="359">
        <v>12</v>
      </c>
      <c r="D80" s="359">
        <v>5</v>
      </c>
      <c r="E80" s="349">
        <v>0</v>
      </c>
    </row>
    <row r="81" spans="1:5" ht="19.5" customHeight="1" x14ac:dyDescent="0.2">
      <c r="A81" s="663"/>
      <c r="B81" s="685">
        <v>0.81481481481481477</v>
      </c>
      <c r="C81" s="688"/>
      <c r="D81" s="685">
        <v>0.18518518518518517</v>
      </c>
      <c r="E81" s="686"/>
    </row>
    <row r="82" spans="1:5" ht="19.5" customHeight="1" x14ac:dyDescent="0.2">
      <c r="A82" s="689" t="s">
        <v>92</v>
      </c>
      <c r="B82" s="359">
        <v>11</v>
      </c>
      <c r="C82" s="359">
        <v>12</v>
      </c>
      <c r="D82" s="359">
        <v>0</v>
      </c>
      <c r="E82" s="349">
        <v>0</v>
      </c>
    </row>
    <row r="83" spans="1:5" ht="19.5" customHeight="1" x14ac:dyDescent="0.2">
      <c r="A83" s="663"/>
      <c r="B83" s="685">
        <v>1</v>
      </c>
      <c r="C83" s="688"/>
      <c r="D83" s="685">
        <v>0</v>
      </c>
      <c r="E83" s="686"/>
    </row>
    <row r="84" spans="1:5" ht="19.5" customHeight="1" x14ac:dyDescent="0.2">
      <c r="A84" s="689" t="s">
        <v>93</v>
      </c>
      <c r="B84" s="359">
        <v>8</v>
      </c>
      <c r="C84" s="359">
        <v>7</v>
      </c>
      <c r="D84" s="359">
        <v>0</v>
      </c>
      <c r="E84" s="349">
        <v>0</v>
      </c>
    </row>
    <row r="85" spans="1:5" ht="19.5" customHeight="1" x14ac:dyDescent="0.2">
      <c r="A85" s="663"/>
      <c r="B85" s="685">
        <v>1</v>
      </c>
      <c r="C85" s="688"/>
      <c r="D85" s="685">
        <v>0</v>
      </c>
      <c r="E85" s="686"/>
    </row>
    <row r="86" spans="1:5" ht="19.5" customHeight="1" x14ac:dyDescent="0.2">
      <c r="A86" s="689" t="s">
        <v>13</v>
      </c>
      <c r="B86" s="370">
        <v>14</v>
      </c>
      <c r="C86" s="370">
        <v>5</v>
      </c>
      <c r="D86" s="370">
        <v>0</v>
      </c>
      <c r="E86" s="371">
        <v>0</v>
      </c>
    </row>
    <row r="87" spans="1:5" ht="19.5" customHeight="1" thickBot="1" x14ac:dyDescent="0.25">
      <c r="A87" s="690"/>
      <c r="B87" s="685">
        <v>1</v>
      </c>
      <c r="C87" s="688"/>
      <c r="D87" s="685">
        <v>0</v>
      </c>
      <c r="E87" s="686"/>
    </row>
    <row r="88" spans="1:5" ht="19.5" customHeight="1" thickTop="1" x14ac:dyDescent="0.2">
      <c r="A88" s="363" t="s">
        <v>66</v>
      </c>
      <c r="B88" s="365">
        <v>67</v>
      </c>
      <c r="C88" s="365">
        <v>56</v>
      </c>
      <c r="D88" s="365">
        <v>8</v>
      </c>
      <c r="E88" s="367">
        <v>1</v>
      </c>
    </row>
    <row r="89" spans="1:5" ht="19.5" customHeight="1" thickBot="1" x14ac:dyDescent="0.25">
      <c r="A89" s="372" t="s">
        <v>189</v>
      </c>
      <c r="B89" s="691">
        <v>0.93181818181818177</v>
      </c>
      <c r="C89" s="692"/>
      <c r="D89" s="691">
        <v>6.8181818181818177E-2</v>
      </c>
      <c r="E89" s="693"/>
    </row>
  </sheetData>
  <mergeCells count="80">
    <mergeCell ref="A86:A87"/>
    <mergeCell ref="B87:C87"/>
    <mergeCell ref="D87:E87"/>
    <mergeCell ref="B89:C89"/>
    <mergeCell ref="D89:E89"/>
    <mergeCell ref="A82:A83"/>
    <mergeCell ref="B83:C83"/>
    <mergeCell ref="D83:E83"/>
    <mergeCell ref="A84:A85"/>
    <mergeCell ref="B85:C85"/>
    <mergeCell ref="D85:E85"/>
    <mergeCell ref="A78:A79"/>
    <mergeCell ref="B79:C79"/>
    <mergeCell ref="D79:E79"/>
    <mergeCell ref="A80:A81"/>
    <mergeCell ref="B81:C81"/>
    <mergeCell ref="D81:E81"/>
    <mergeCell ref="A76:A77"/>
    <mergeCell ref="B77:C77"/>
    <mergeCell ref="D77:E77"/>
    <mergeCell ref="A65:A66"/>
    <mergeCell ref="B66:C66"/>
    <mergeCell ref="D66:E66"/>
    <mergeCell ref="A67:A68"/>
    <mergeCell ref="B68:C68"/>
    <mergeCell ref="D68:E68"/>
    <mergeCell ref="A69:A70"/>
    <mergeCell ref="B70:C70"/>
    <mergeCell ref="D70:E70"/>
    <mergeCell ref="B72:C72"/>
    <mergeCell ref="D72:E72"/>
    <mergeCell ref="A61:A62"/>
    <mergeCell ref="B62:C62"/>
    <mergeCell ref="D62:E62"/>
    <mergeCell ref="A63:A64"/>
    <mergeCell ref="B64:C64"/>
    <mergeCell ref="D64:E64"/>
    <mergeCell ref="B55:C55"/>
    <mergeCell ref="D55:E55"/>
    <mergeCell ref="H55:I55"/>
    <mergeCell ref="J55:K55"/>
    <mergeCell ref="A59:A60"/>
    <mergeCell ref="B60:C60"/>
    <mergeCell ref="D60:E60"/>
    <mergeCell ref="J53:K53"/>
    <mergeCell ref="A50:A51"/>
    <mergeCell ref="G50:G51"/>
    <mergeCell ref="B51:C51"/>
    <mergeCell ref="D51:E51"/>
    <mergeCell ref="H51:I51"/>
    <mergeCell ref="J51:K51"/>
    <mergeCell ref="A52:A53"/>
    <mergeCell ref="G52:G53"/>
    <mergeCell ref="B53:C53"/>
    <mergeCell ref="D53:E53"/>
    <mergeCell ref="H53:I53"/>
    <mergeCell ref="J49:K49"/>
    <mergeCell ref="A46:A47"/>
    <mergeCell ref="G46:G47"/>
    <mergeCell ref="B47:C47"/>
    <mergeCell ref="D47:E47"/>
    <mergeCell ref="H47:I47"/>
    <mergeCell ref="J47:K47"/>
    <mergeCell ref="A48:A49"/>
    <mergeCell ref="G48:G49"/>
    <mergeCell ref="B49:C49"/>
    <mergeCell ref="D49:E49"/>
    <mergeCell ref="H49:I49"/>
    <mergeCell ref="J45:K45"/>
    <mergeCell ref="A42:A43"/>
    <mergeCell ref="G42:G43"/>
    <mergeCell ref="B43:C43"/>
    <mergeCell ref="D43:E43"/>
    <mergeCell ref="H43:I43"/>
    <mergeCell ref="J43:K43"/>
    <mergeCell ref="A44:A45"/>
    <mergeCell ref="G44:G45"/>
    <mergeCell ref="B45:C45"/>
    <mergeCell ref="D45:E45"/>
    <mergeCell ref="H45:I45"/>
  </mergeCells>
  <phoneticPr fontId="1"/>
  <pageMargins left="0.82677165354330717" right="0.23622047244094491" top="0.55118110236220474" bottom="0.35433070866141736" header="0.31496062992125984" footer="0.31496062992125984"/>
  <pageSetup paperSize="9" scale="59" fitToHeight="2" orientation="landscape" r:id="rId1"/>
  <headerFooter>
    <oddFooter>&amp;C&amp;P</oddFooter>
  </headerFooter>
  <rowBreaks count="1" manualBreakCount="1">
    <brk id="39" max="11" man="1"/>
  </row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6"/>
  <sheetViews>
    <sheetView view="pageBreakPreview" zoomScale="80" zoomScaleNormal="80" zoomScaleSheetLayoutView="80" zoomScalePageLayoutView="50" workbookViewId="0">
      <selection activeCell="B1" sqref="B1"/>
    </sheetView>
  </sheetViews>
  <sheetFormatPr defaultColWidth="14.59765625" defaultRowHeight="20.100000000000001" customHeight="1" x14ac:dyDescent="0.2"/>
  <cols>
    <col min="1" max="1" width="14.59765625" style="505"/>
    <col min="2" max="14" width="12.69921875" style="505" customWidth="1"/>
    <col min="15" max="16384" width="14.59765625" style="505"/>
  </cols>
  <sheetData>
    <row r="1" spans="1:11" ht="20.100000000000001" customHeight="1" x14ac:dyDescent="0.2">
      <c r="A1" s="130" t="s">
        <v>259</v>
      </c>
    </row>
    <row r="2" spans="1:11" ht="20.100000000000001" customHeight="1" x14ac:dyDescent="0.2">
      <c r="C2" s="525"/>
      <c r="D2" s="525"/>
      <c r="E2" s="525"/>
      <c r="F2" s="525"/>
      <c r="G2" s="525"/>
      <c r="H2" s="525"/>
      <c r="I2" s="525"/>
      <c r="J2" s="525"/>
    </row>
    <row r="3" spans="1:11" ht="20.100000000000001" customHeight="1" thickBot="1" x14ac:dyDescent="0.25">
      <c r="A3" s="505" t="s">
        <v>77</v>
      </c>
      <c r="E3" s="505" t="s">
        <v>174</v>
      </c>
    </row>
    <row r="4" spans="1:11" ht="20.100000000000001" customHeight="1" x14ac:dyDescent="0.2">
      <c r="A4" s="694" t="s">
        <v>68</v>
      </c>
      <c r="B4" s="694" t="s">
        <v>231</v>
      </c>
      <c r="C4" s="608" t="s">
        <v>15</v>
      </c>
      <c r="D4" s="609"/>
      <c r="E4" s="610"/>
      <c r="F4" s="696" t="s">
        <v>16</v>
      </c>
      <c r="G4" s="609"/>
      <c r="H4" s="697"/>
      <c r="I4" s="608" t="s">
        <v>17</v>
      </c>
      <c r="J4" s="609"/>
      <c r="K4" s="610"/>
    </row>
    <row r="5" spans="1:11" ht="20.100000000000001" customHeight="1" thickBot="1" x14ac:dyDescent="0.25">
      <c r="A5" s="695"/>
      <c r="B5" s="695"/>
      <c r="C5" s="175" t="s">
        <v>161</v>
      </c>
      <c r="D5" s="176" t="s">
        <v>162</v>
      </c>
      <c r="E5" s="177" t="s">
        <v>329</v>
      </c>
      <c r="F5" s="500" t="s">
        <v>161</v>
      </c>
      <c r="G5" s="176" t="s">
        <v>162</v>
      </c>
      <c r="H5" s="177" t="s">
        <v>329</v>
      </c>
      <c r="I5" s="175" t="s">
        <v>161</v>
      </c>
      <c r="J5" s="176" t="s">
        <v>162</v>
      </c>
      <c r="K5" s="177" t="s">
        <v>329</v>
      </c>
    </row>
    <row r="6" spans="1:11" ht="20.100000000000001" customHeight="1" thickTop="1" x14ac:dyDescent="0.2">
      <c r="A6" s="178" t="s">
        <v>89</v>
      </c>
      <c r="B6" s="496">
        <v>23</v>
      </c>
      <c r="C6" s="21">
        <v>227</v>
      </c>
      <c r="D6" s="85">
        <v>74</v>
      </c>
      <c r="E6" s="86">
        <v>0.32599118942731276</v>
      </c>
      <c r="F6" s="501">
        <v>193</v>
      </c>
      <c r="G6" s="85">
        <v>57</v>
      </c>
      <c r="H6" s="93">
        <v>0.29533678756476683</v>
      </c>
      <c r="I6" s="21">
        <v>34</v>
      </c>
      <c r="J6" s="85">
        <v>17</v>
      </c>
      <c r="K6" s="86">
        <v>0.5</v>
      </c>
    </row>
    <row r="7" spans="1:11" ht="20.100000000000001" customHeight="1" x14ac:dyDescent="0.2">
      <c r="A7" s="181" t="s">
        <v>90</v>
      </c>
      <c r="B7" s="496">
        <v>60</v>
      </c>
      <c r="C7" s="21">
        <v>758</v>
      </c>
      <c r="D7" s="85">
        <v>376</v>
      </c>
      <c r="E7" s="86">
        <v>0.49604221635883905</v>
      </c>
      <c r="F7" s="502">
        <v>694</v>
      </c>
      <c r="G7" s="258">
        <v>350</v>
      </c>
      <c r="H7" s="93">
        <v>0.50432276657060515</v>
      </c>
      <c r="I7" s="23">
        <v>64</v>
      </c>
      <c r="J7" s="258">
        <v>26</v>
      </c>
      <c r="K7" s="86">
        <v>0.40625</v>
      </c>
    </row>
    <row r="8" spans="1:11" ht="20.100000000000001" customHeight="1" x14ac:dyDescent="0.2">
      <c r="A8" s="181" t="s">
        <v>91</v>
      </c>
      <c r="B8" s="496">
        <v>34</v>
      </c>
      <c r="C8" s="21">
        <v>499</v>
      </c>
      <c r="D8" s="85">
        <v>425</v>
      </c>
      <c r="E8" s="86">
        <v>0.85170340681362722</v>
      </c>
      <c r="F8" s="502">
        <v>492</v>
      </c>
      <c r="G8" s="258">
        <v>413</v>
      </c>
      <c r="H8" s="93">
        <v>0.83943089430894313</v>
      </c>
      <c r="I8" s="23">
        <v>7</v>
      </c>
      <c r="J8" s="258">
        <v>12</v>
      </c>
      <c r="K8" s="86">
        <v>1.7142857142857142</v>
      </c>
    </row>
    <row r="9" spans="1:11" ht="20.100000000000001" customHeight="1" x14ac:dyDescent="0.2">
      <c r="A9" s="181" t="s">
        <v>92</v>
      </c>
      <c r="B9" s="496">
        <v>25</v>
      </c>
      <c r="C9" s="21">
        <v>840</v>
      </c>
      <c r="D9" s="85">
        <v>570</v>
      </c>
      <c r="E9" s="86">
        <v>0.6785714285714286</v>
      </c>
      <c r="F9" s="502">
        <v>822</v>
      </c>
      <c r="G9" s="258">
        <v>566</v>
      </c>
      <c r="H9" s="93">
        <v>0.68856447688564482</v>
      </c>
      <c r="I9" s="23">
        <v>18</v>
      </c>
      <c r="J9" s="258">
        <v>4</v>
      </c>
      <c r="K9" s="86">
        <v>0.22222222222222221</v>
      </c>
    </row>
    <row r="10" spans="1:11" ht="20.100000000000001" customHeight="1" x14ac:dyDescent="0.2">
      <c r="A10" s="181" t="s">
        <v>93</v>
      </c>
      <c r="B10" s="496">
        <v>13</v>
      </c>
      <c r="C10" s="21">
        <v>801</v>
      </c>
      <c r="D10" s="85">
        <v>581</v>
      </c>
      <c r="E10" s="86">
        <v>0.72534332084893882</v>
      </c>
      <c r="F10" s="502">
        <v>778</v>
      </c>
      <c r="G10" s="258">
        <v>572</v>
      </c>
      <c r="H10" s="93">
        <v>0.73521850899742935</v>
      </c>
      <c r="I10" s="23">
        <v>23</v>
      </c>
      <c r="J10" s="258">
        <v>9</v>
      </c>
      <c r="K10" s="86">
        <v>0.39130434782608697</v>
      </c>
    </row>
    <row r="11" spans="1:11" ht="20.100000000000001" customHeight="1" thickBot="1" x14ac:dyDescent="0.25">
      <c r="A11" s="193" t="s">
        <v>13</v>
      </c>
      <c r="B11" s="497">
        <v>20</v>
      </c>
      <c r="C11" s="28">
        <v>2241</v>
      </c>
      <c r="D11" s="87">
        <v>1753</v>
      </c>
      <c r="E11" s="73">
        <v>0.78224007139669793</v>
      </c>
      <c r="F11" s="503">
        <v>2197</v>
      </c>
      <c r="G11" s="87">
        <v>1726</v>
      </c>
      <c r="H11" s="72">
        <v>0.78561675011379151</v>
      </c>
      <c r="I11" s="28">
        <v>44</v>
      </c>
      <c r="J11" s="87">
        <v>27</v>
      </c>
      <c r="K11" s="86">
        <v>0.61363636363636365</v>
      </c>
    </row>
    <row r="12" spans="1:11" ht="20.100000000000001" customHeight="1" thickTop="1" thickBot="1" x14ac:dyDescent="0.25">
      <c r="A12" s="189" t="s">
        <v>66</v>
      </c>
      <c r="B12" s="498">
        <v>175</v>
      </c>
      <c r="C12" s="1">
        <v>5366</v>
      </c>
      <c r="D12" s="3">
        <v>3779</v>
      </c>
      <c r="E12" s="88">
        <v>0.70424897502795381</v>
      </c>
      <c r="F12" s="2">
        <v>5176</v>
      </c>
      <c r="G12" s="3">
        <v>3684</v>
      </c>
      <c r="H12" s="94">
        <v>0.71174652241112824</v>
      </c>
      <c r="I12" s="1">
        <v>190</v>
      </c>
      <c r="J12" s="3">
        <v>95</v>
      </c>
      <c r="K12" s="88">
        <v>0.5</v>
      </c>
    </row>
    <row r="13" spans="1:11" ht="20.100000000000001" customHeight="1" x14ac:dyDescent="0.2">
      <c r="B13" s="280" t="s">
        <v>232</v>
      </c>
      <c r="C13" s="525"/>
      <c r="D13" s="525"/>
      <c r="F13" s="525"/>
      <c r="G13" s="525"/>
      <c r="H13" s="525"/>
      <c r="I13" s="525"/>
      <c r="J13" s="525"/>
    </row>
    <row r="14" spans="1:11" ht="20.100000000000001" customHeight="1" thickBot="1" x14ac:dyDescent="0.25">
      <c r="A14" s="505" t="s">
        <v>82</v>
      </c>
    </row>
    <row r="15" spans="1:11" ht="20.100000000000001" customHeight="1" x14ac:dyDescent="0.2">
      <c r="A15" s="694" t="s">
        <v>74</v>
      </c>
      <c r="B15" s="608" t="s">
        <v>15</v>
      </c>
      <c r="C15" s="609"/>
      <c r="D15" s="610"/>
      <c r="E15" s="696" t="s">
        <v>16</v>
      </c>
      <c r="F15" s="609"/>
      <c r="G15" s="697"/>
      <c r="H15" s="608" t="s">
        <v>17</v>
      </c>
      <c r="I15" s="609"/>
      <c r="J15" s="610"/>
    </row>
    <row r="16" spans="1:11" ht="20.100000000000001" customHeight="1" thickBot="1" x14ac:dyDescent="0.25">
      <c r="A16" s="695"/>
      <c r="B16" s="175" t="s">
        <v>161</v>
      </c>
      <c r="C16" s="176" t="s">
        <v>162</v>
      </c>
      <c r="D16" s="177" t="s">
        <v>329</v>
      </c>
      <c r="E16" s="500" t="s">
        <v>161</v>
      </c>
      <c r="F16" s="176" t="s">
        <v>162</v>
      </c>
      <c r="G16" s="177" t="s">
        <v>329</v>
      </c>
      <c r="H16" s="175" t="s">
        <v>161</v>
      </c>
      <c r="I16" s="176" t="s">
        <v>162</v>
      </c>
      <c r="J16" s="177" t="s">
        <v>329</v>
      </c>
    </row>
    <row r="17" spans="1:12" ht="20.100000000000001" customHeight="1" thickTop="1" x14ac:dyDescent="0.2">
      <c r="A17" s="504" t="s">
        <v>175</v>
      </c>
      <c r="B17" s="21">
        <v>55</v>
      </c>
      <c r="C17" s="85">
        <v>25</v>
      </c>
      <c r="D17" s="86">
        <v>0.45454545454545453</v>
      </c>
      <c r="E17" s="501">
        <v>54</v>
      </c>
      <c r="F17" s="85">
        <v>25</v>
      </c>
      <c r="G17" s="93">
        <v>0.46296296296296297</v>
      </c>
      <c r="H17" s="21">
        <v>1</v>
      </c>
      <c r="I17" s="85">
        <v>0</v>
      </c>
      <c r="J17" s="86">
        <v>0</v>
      </c>
    </row>
    <row r="18" spans="1:12" ht="20.100000000000001" customHeight="1" x14ac:dyDescent="0.2">
      <c r="A18" s="532" t="s">
        <v>21</v>
      </c>
      <c r="B18" s="21">
        <v>92</v>
      </c>
      <c r="C18" s="85">
        <v>121</v>
      </c>
      <c r="D18" s="86">
        <v>1.3152173913043479</v>
      </c>
      <c r="E18" s="502">
        <v>88</v>
      </c>
      <c r="F18" s="258">
        <v>113</v>
      </c>
      <c r="G18" s="93">
        <v>1.2840909090909092</v>
      </c>
      <c r="H18" s="23">
        <v>4</v>
      </c>
      <c r="I18" s="258">
        <v>8</v>
      </c>
      <c r="J18" s="86">
        <v>2</v>
      </c>
    </row>
    <row r="19" spans="1:12" ht="20.100000000000001" customHeight="1" x14ac:dyDescent="0.2">
      <c r="A19" s="532" t="s">
        <v>75</v>
      </c>
      <c r="B19" s="21">
        <v>5182</v>
      </c>
      <c r="C19" s="85">
        <v>3595</v>
      </c>
      <c r="D19" s="86">
        <v>0.69374758780393675</v>
      </c>
      <c r="E19" s="502">
        <v>5008</v>
      </c>
      <c r="F19" s="258">
        <v>3514</v>
      </c>
      <c r="G19" s="93">
        <v>0.70167731629392971</v>
      </c>
      <c r="H19" s="23">
        <v>174</v>
      </c>
      <c r="I19" s="258">
        <v>81</v>
      </c>
      <c r="J19" s="86">
        <v>0.46551724137931033</v>
      </c>
    </row>
    <row r="20" spans="1:12" ht="20.100000000000001" customHeight="1" thickBot="1" x14ac:dyDescent="0.25">
      <c r="A20" s="533" t="s">
        <v>76</v>
      </c>
      <c r="B20" s="21">
        <v>37</v>
      </c>
      <c r="C20" s="85">
        <v>38</v>
      </c>
      <c r="D20" s="86">
        <v>1.027027027027027</v>
      </c>
      <c r="E20" s="502">
        <v>26</v>
      </c>
      <c r="F20" s="258">
        <v>32</v>
      </c>
      <c r="G20" s="93">
        <v>1.2307692307692308</v>
      </c>
      <c r="H20" s="23">
        <v>11</v>
      </c>
      <c r="I20" s="258">
        <v>6</v>
      </c>
      <c r="J20" s="256">
        <v>0.54545454545454541</v>
      </c>
    </row>
    <row r="21" spans="1:12" ht="20.100000000000001" customHeight="1" thickTop="1" thickBot="1" x14ac:dyDescent="0.25">
      <c r="A21" s="534" t="s">
        <v>66</v>
      </c>
      <c r="B21" s="1">
        <v>5366</v>
      </c>
      <c r="C21" s="3">
        <v>3779</v>
      </c>
      <c r="D21" s="88">
        <v>0.70424897502795381</v>
      </c>
      <c r="E21" s="2">
        <v>5176</v>
      </c>
      <c r="F21" s="3">
        <v>3684</v>
      </c>
      <c r="G21" s="94">
        <v>0.71174652241112824</v>
      </c>
      <c r="H21" s="1">
        <v>190</v>
      </c>
      <c r="I21" s="3">
        <v>95</v>
      </c>
      <c r="J21" s="88">
        <v>0.5</v>
      </c>
    </row>
    <row r="22" spans="1:12" ht="20.100000000000001" customHeight="1" x14ac:dyDescent="0.2">
      <c r="A22" s="525"/>
      <c r="B22" s="38"/>
      <c r="C22" s="38"/>
      <c r="D22" s="58"/>
      <c r="E22" s="38"/>
      <c r="F22" s="38"/>
      <c r="G22" s="58"/>
      <c r="H22" s="38"/>
      <c r="I22" s="38"/>
      <c r="J22" s="45"/>
    </row>
    <row r="23" spans="1:12" ht="20.100000000000001" customHeight="1" thickBot="1" x14ac:dyDescent="0.25">
      <c r="A23" s="505" t="s">
        <v>127</v>
      </c>
    </row>
    <row r="24" spans="1:12" ht="20.100000000000001" customHeight="1" x14ac:dyDescent="0.2">
      <c r="A24" s="694" t="s">
        <v>158</v>
      </c>
      <c r="B24" s="694" t="s">
        <v>231</v>
      </c>
      <c r="C24" s="608" t="s">
        <v>15</v>
      </c>
      <c r="D24" s="609"/>
      <c r="E24" s="610"/>
      <c r="F24" s="696" t="s">
        <v>16</v>
      </c>
      <c r="G24" s="609"/>
      <c r="H24" s="697"/>
      <c r="I24" s="608" t="s">
        <v>17</v>
      </c>
      <c r="J24" s="609"/>
      <c r="K24" s="610"/>
    </row>
    <row r="25" spans="1:12" ht="20.100000000000001" customHeight="1" thickBot="1" x14ac:dyDescent="0.25">
      <c r="A25" s="695"/>
      <c r="B25" s="695"/>
      <c r="C25" s="175" t="s">
        <v>161</v>
      </c>
      <c r="D25" s="176" t="s">
        <v>162</v>
      </c>
      <c r="E25" s="177" t="s">
        <v>329</v>
      </c>
      <c r="F25" s="500" t="s">
        <v>161</v>
      </c>
      <c r="G25" s="176" t="s">
        <v>162</v>
      </c>
      <c r="H25" s="177" t="s">
        <v>329</v>
      </c>
      <c r="I25" s="175" t="s">
        <v>161</v>
      </c>
      <c r="J25" s="176" t="s">
        <v>162</v>
      </c>
      <c r="K25" s="177" t="s">
        <v>329</v>
      </c>
    </row>
    <row r="26" spans="1:12" ht="20.100000000000001" customHeight="1" thickTop="1" x14ac:dyDescent="0.2">
      <c r="A26" s="178" t="s">
        <v>42</v>
      </c>
      <c r="B26" s="496">
        <v>70</v>
      </c>
      <c r="C26" s="21">
        <v>2824</v>
      </c>
      <c r="D26" s="85">
        <v>1868</v>
      </c>
      <c r="E26" s="86">
        <v>0.66147308781869685</v>
      </c>
      <c r="F26" s="501">
        <v>2754</v>
      </c>
      <c r="G26" s="85">
        <v>1835</v>
      </c>
      <c r="H26" s="93">
        <v>0.66630355846042122</v>
      </c>
      <c r="I26" s="21">
        <v>70</v>
      </c>
      <c r="J26" s="85">
        <v>33</v>
      </c>
      <c r="K26" s="86">
        <v>0.47142857142857142</v>
      </c>
    </row>
    <row r="27" spans="1:12" ht="20.100000000000001" customHeight="1" x14ac:dyDescent="0.2">
      <c r="A27" s="178" t="s">
        <v>43</v>
      </c>
      <c r="B27" s="496">
        <v>25</v>
      </c>
      <c r="C27" s="21">
        <v>541</v>
      </c>
      <c r="D27" s="85">
        <v>669</v>
      </c>
      <c r="E27" s="86">
        <v>1.2365988909426988</v>
      </c>
      <c r="F27" s="501">
        <v>529</v>
      </c>
      <c r="G27" s="85">
        <v>653</v>
      </c>
      <c r="H27" s="93">
        <v>1.2344045368620038</v>
      </c>
      <c r="I27" s="21">
        <v>12</v>
      </c>
      <c r="J27" s="85">
        <v>16</v>
      </c>
      <c r="K27" s="86">
        <v>1.3333333333333333</v>
      </c>
    </row>
    <row r="28" spans="1:12" ht="20.100000000000001" customHeight="1" x14ac:dyDescent="0.2">
      <c r="A28" s="178" t="s">
        <v>44</v>
      </c>
      <c r="B28" s="496">
        <v>18</v>
      </c>
      <c r="C28" s="21">
        <v>421</v>
      </c>
      <c r="D28" s="85">
        <v>335</v>
      </c>
      <c r="E28" s="86">
        <v>0.79572446555819476</v>
      </c>
      <c r="F28" s="501">
        <v>400</v>
      </c>
      <c r="G28" s="85">
        <v>322</v>
      </c>
      <c r="H28" s="93">
        <v>0.80500000000000005</v>
      </c>
      <c r="I28" s="21">
        <v>21</v>
      </c>
      <c r="J28" s="85">
        <v>13</v>
      </c>
      <c r="K28" s="86">
        <v>0.61904761904761907</v>
      </c>
    </row>
    <row r="29" spans="1:12" ht="20.100000000000001" customHeight="1" x14ac:dyDescent="0.2">
      <c r="A29" s="178" t="s">
        <v>45</v>
      </c>
      <c r="B29" s="496">
        <v>11</v>
      </c>
      <c r="C29" s="21">
        <v>321</v>
      </c>
      <c r="D29" s="85">
        <v>237</v>
      </c>
      <c r="E29" s="86">
        <v>0.73831775700934577</v>
      </c>
      <c r="F29" s="501">
        <v>311</v>
      </c>
      <c r="G29" s="85">
        <v>229</v>
      </c>
      <c r="H29" s="93">
        <v>0.7363344051446945</v>
      </c>
      <c r="I29" s="21">
        <v>10</v>
      </c>
      <c r="J29" s="85">
        <v>8</v>
      </c>
      <c r="K29" s="86">
        <v>0.8</v>
      </c>
    </row>
    <row r="30" spans="1:12" ht="20.100000000000001" customHeight="1" x14ac:dyDescent="0.2">
      <c r="A30" s="181" t="s">
        <v>46</v>
      </c>
      <c r="B30" s="496">
        <v>12</v>
      </c>
      <c r="C30" s="23">
        <v>167</v>
      </c>
      <c r="D30" s="85">
        <v>112</v>
      </c>
      <c r="E30" s="86">
        <v>0.6706586826347305</v>
      </c>
      <c r="F30" s="502">
        <v>133</v>
      </c>
      <c r="G30" s="258">
        <v>103</v>
      </c>
      <c r="H30" s="93">
        <v>0.77443609022556392</v>
      </c>
      <c r="I30" s="23">
        <v>34</v>
      </c>
      <c r="J30" s="258">
        <v>9</v>
      </c>
      <c r="K30" s="86">
        <v>0.26470588235294118</v>
      </c>
      <c r="L30" s="499"/>
    </row>
    <row r="31" spans="1:12" ht="20.100000000000001" customHeight="1" x14ac:dyDescent="0.2">
      <c r="A31" s="181" t="s">
        <v>47</v>
      </c>
      <c r="B31" s="496">
        <v>13</v>
      </c>
      <c r="C31" s="21">
        <v>612</v>
      </c>
      <c r="D31" s="85">
        <v>309</v>
      </c>
      <c r="E31" s="86">
        <v>0.50490196078431371</v>
      </c>
      <c r="F31" s="502">
        <v>592</v>
      </c>
      <c r="G31" s="258">
        <v>301</v>
      </c>
      <c r="H31" s="93">
        <v>0.50844594594594594</v>
      </c>
      <c r="I31" s="23">
        <v>20</v>
      </c>
      <c r="J31" s="258">
        <v>8</v>
      </c>
      <c r="K31" s="86">
        <v>0.4</v>
      </c>
      <c r="L31" s="499"/>
    </row>
    <row r="32" spans="1:12" ht="20.100000000000001" customHeight="1" x14ac:dyDescent="0.2">
      <c r="A32" s="181" t="s">
        <v>48</v>
      </c>
      <c r="B32" s="496">
        <v>17</v>
      </c>
      <c r="C32" s="21">
        <v>404</v>
      </c>
      <c r="D32" s="85">
        <v>193</v>
      </c>
      <c r="E32" s="86">
        <v>0.4777227722772277</v>
      </c>
      <c r="F32" s="502">
        <v>381</v>
      </c>
      <c r="G32" s="258">
        <v>186</v>
      </c>
      <c r="H32" s="93">
        <v>0.48818897637795278</v>
      </c>
      <c r="I32" s="23">
        <v>23</v>
      </c>
      <c r="J32" s="258">
        <v>7</v>
      </c>
      <c r="K32" s="86">
        <v>0.30434782608695654</v>
      </c>
      <c r="L32" s="499"/>
    </row>
    <row r="33" spans="1:12" ht="20.100000000000001" customHeight="1" thickBot="1" x14ac:dyDescent="0.25">
      <c r="A33" s="193" t="s">
        <v>49</v>
      </c>
      <c r="B33" s="496">
        <v>9</v>
      </c>
      <c r="C33" s="21">
        <v>76</v>
      </c>
      <c r="D33" s="85">
        <v>56</v>
      </c>
      <c r="E33" s="86">
        <v>0.73684210526315785</v>
      </c>
      <c r="F33" s="502">
        <v>76</v>
      </c>
      <c r="G33" s="258">
        <v>55</v>
      </c>
      <c r="H33" s="93">
        <v>0.72368421052631582</v>
      </c>
      <c r="I33" s="23">
        <v>0</v>
      </c>
      <c r="J33" s="258">
        <v>1</v>
      </c>
      <c r="K33" s="507" t="s">
        <v>379</v>
      </c>
      <c r="L33" s="499"/>
    </row>
    <row r="34" spans="1:12" ht="20.100000000000001" customHeight="1" thickTop="1" thickBot="1" x14ac:dyDescent="0.25">
      <c r="A34" s="189" t="s">
        <v>66</v>
      </c>
      <c r="B34" s="498">
        <v>175</v>
      </c>
      <c r="C34" s="1">
        <v>5366</v>
      </c>
      <c r="D34" s="3">
        <v>3779</v>
      </c>
      <c r="E34" s="88">
        <v>0.70424897502795381</v>
      </c>
      <c r="F34" s="2">
        <v>5176</v>
      </c>
      <c r="G34" s="3">
        <v>3684</v>
      </c>
      <c r="H34" s="94">
        <v>0.71174652241112824</v>
      </c>
      <c r="I34" s="1">
        <v>190</v>
      </c>
      <c r="J34" s="3">
        <v>95</v>
      </c>
      <c r="K34" s="88">
        <v>0.5</v>
      </c>
    </row>
    <row r="35" spans="1:12" ht="20.100000000000001" customHeight="1" x14ac:dyDescent="0.2">
      <c r="H35" s="499"/>
    </row>
    <row r="36" spans="1:12" ht="20.100000000000001" customHeight="1" x14ac:dyDescent="0.2">
      <c r="H36" s="499"/>
    </row>
  </sheetData>
  <mergeCells count="14">
    <mergeCell ref="B15:D15"/>
    <mergeCell ref="E15:G15"/>
    <mergeCell ref="H15:J15"/>
    <mergeCell ref="A4:A5"/>
    <mergeCell ref="B4:B5"/>
    <mergeCell ref="C4:E4"/>
    <mergeCell ref="F4:H4"/>
    <mergeCell ref="I4:K4"/>
    <mergeCell ref="A15:A16"/>
    <mergeCell ref="A24:A25"/>
    <mergeCell ref="B24:B25"/>
    <mergeCell ref="C24:E24"/>
    <mergeCell ref="F24:H24"/>
    <mergeCell ref="I24:K24"/>
  </mergeCells>
  <phoneticPr fontId="1"/>
  <pageMargins left="0.82677165354330717" right="0.23622047244094491" top="0.74803149606299213" bottom="0.74803149606299213" header="0.31496062992125984" footer="0.31496062992125984"/>
  <pageSetup paperSize="9" scale="65" orientation="landscape" r:id="rId1"/>
  <headerFooter>
    <oddFooter>&amp;C&amp;P</oddFoot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23"/>
  <sheetViews>
    <sheetView view="pageBreakPreview" zoomScale="80" zoomScaleNormal="80" zoomScaleSheetLayoutView="80" zoomScalePageLayoutView="50" workbookViewId="0"/>
  </sheetViews>
  <sheetFormatPr defaultColWidth="14.59765625" defaultRowHeight="20.100000000000001" customHeight="1" x14ac:dyDescent="0.2"/>
  <cols>
    <col min="1" max="1" width="14.59765625" style="505"/>
    <col min="2" max="2" width="12.69921875" style="505" customWidth="1"/>
    <col min="3" max="4" width="12.69921875" style="525" customWidth="1"/>
    <col min="5" max="5" width="17.09765625" style="525" customWidth="1"/>
    <col min="6" max="6" width="12.69921875" style="525" customWidth="1"/>
    <col min="7" max="9" width="12.69921875" style="505" customWidth="1"/>
    <col min="10" max="16384" width="14.59765625" style="505"/>
  </cols>
  <sheetData>
    <row r="1" spans="1:6" ht="20.100000000000001" customHeight="1" x14ac:dyDescent="0.2">
      <c r="A1" s="130" t="s">
        <v>330</v>
      </c>
    </row>
    <row r="3" spans="1:6" ht="20.100000000000001" customHeight="1" thickBot="1" x14ac:dyDescent="0.25">
      <c r="A3" s="505" t="s">
        <v>331</v>
      </c>
    </row>
    <row r="4" spans="1:6" ht="29.4" thickBot="1" x14ac:dyDescent="0.25">
      <c r="A4" s="495" t="s">
        <v>68</v>
      </c>
      <c r="B4" s="495" t="s">
        <v>230</v>
      </c>
      <c r="C4" s="536" t="s">
        <v>332</v>
      </c>
      <c r="D4" s="369" t="s">
        <v>333</v>
      </c>
      <c r="E4" s="345" t="s">
        <v>334</v>
      </c>
      <c r="F4" s="505"/>
    </row>
    <row r="5" spans="1:6" ht="20.100000000000001" customHeight="1" thickTop="1" x14ac:dyDescent="0.2">
      <c r="A5" s="178" t="s">
        <v>89</v>
      </c>
      <c r="B5" s="512">
        <v>41</v>
      </c>
      <c r="C5" s="118">
        <v>2</v>
      </c>
      <c r="D5" s="275">
        <v>19</v>
      </c>
      <c r="E5" s="513">
        <v>1</v>
      </c>
      <c r="F5" s="505"/>
    </row>
    <row r="6" spans="1:6" ht="20.100000000000001" customHeight="1" x14ac:dyDescent="0.2">
      <c r="A6" s="181" t="s">
        <v>90</v>
      </c>
      <c r="B6" s="512">
        <v>70</v>
      </c>
      <c r="C6" s="118">
        <v>6</v>
      </c>
      <c r="D6" s="275">
        <v>71</v>
      </c>
      <c r="E6" s="299">
        <v>3</v>
      </c>
      <c r="F6" s="505"/>
    </row>
    <row r="7" spans="1:6" ht="20.100000000000001" customHeight="1" x14ac:dyDescent="0.2">
      <c r="A7" s="181" t="s">
        <v>91</v>
      </c>
      <c r="B7" s="512">
        <v>40</v>
      </c>
      <c r="C7" s="118">
        <v>13</v>
      </c>
      <c r="D7" s="275">
        <v>99</v>
      </c>
      <c r="E7" s="299">
        <v>0</v>
      </c>
      <c r="F7" s="505"/>
    </row>
    <row r="8" spans="1:6" ht="20.100000000000001" customHeight="1" x14ac:dyDescent="0.2">
      <c r="A8" s="181" t="s">
        <v>92</v>
      </c>
      <c r="B8" s="512">
        <v>27</v>
      </c>
      <c r="C8" s="118">
        <v>21</v>
      </c>
      <c r="D8" s="275">
        <v>170</v>
      </c>
      <c r="E8" s="299">
        <v>21</v>
      </c>
      <c r="F8" s="505"/>
    </row>
    <row r="9" spans="1:6" ht="20.100000000000001" customHeight="1" x14ac:dyDescent="0.2">
      <c r="A9" s="181" t="s">
        <v>93</v>
      </c>
      <c r="B9" s="512">
        <v>15</v>
      </c>
      <c r="C9" s="118">
        <v>22</v>
      </c>
      <c r="D9" s="275">
        <v>171</v>
      </c>
      <c r="E9" s="299">
        <v>6</v>
      </c>
      <c r="F9" s="505"/>
    </row>
    <row r="10" spans="1:6" ht="20.100000000000001" customHeight="1" thickBot="1" x14ac:dyDescent="0.25">
      <c r="A10" s="193" t="s">
        <v>13</v>
      </c>
      <c r="B10" s="514">
        <v>20</v>
      </c>
      <c r="C10" s="114">
        <v>127</v>
      </c>
      <c r="D10" s="125">
        <v>491</v>
      </c>
      <c r="E10" s="515">
        <v>68</v>
      </c>
      <c r="F10" s="505"/>
    </row>
    <row r="11" spans="1:6" ht="20.100000000000001" customHeight="1" thickTop="1" thickBot="1" x14ac:dyDescent="0.25">
      <c r="A11" s="189" t="s">
        <v>66</v>
      </c>
      <c r="B11" s="83">
        <v>213</v>
      </c>
      <c r="C11" s="95">
        <v>191</v>
      </c>
      <c r="D11" s="560">
        <v>1021</v>
      </c>
      <c r="E11" s="516">
        <v>99</v>
      </c>
      <c r="F11" s="505"/>
    </row>
    <row r="12" spans="1:6" ht="20.100000000000001" customHeight="1" x14ac:dyDescent="0.2">
      <c r="B12" s="280"/>
      <c r="F12" s="505"/>
    </row>
    <row r="13" spans="1:6" ht="20.100000000000001" customHeight="1" thickBot="1" x14ac:dyDescent="0.25">
      <c r="A13" s="505" t="s">
        <v>143</v>
      </c>
      <c r="F13" s="505"/>
    </row>
    <row r="14" spans="1:6" ht="29.4" thickBot="1" x14ac:dyDescent="0.25">
      <c r="A14" s="495" t="s">
        <v>158</v>
      </c>
      <c r="B14" s="495" t="s">
        <v>230</v>
      </c>
      <c r="C14" s="536" t="s">
        <v>332</v>
      </c>
      <c r="D14" s="369" t="s">
        <v>333</v>
      </c>
      <c r="E14" s="345" t="s">
        <v>334</v>
      </c>
      <c r="F14" s="505"/>
    </row>
    <row r="15" spans="1:6" ht="20.100000000000001" customHeight="1" thickTop="1" x14ac:dyDescent="0.2">
      <c r="A15" s="178" t="s">
        <v>42</v>
      </c>
      <c r="B15" s="512">
        <v>84</v>
      </c>
      <c r="C15" s="118">
        <v>97</v>
      </c>
      <c r="D15" s="275">
        <v>481</v>
      </c>
      <c r="E15" s="513">
        <v>21</v>
      </c>
      <c r="F15" s="505"/>
    </row>
    <row r="16" spans="1:6" ht="20.100000000000001" customHeight="1" x14ac:dyDescent="0.2">
      <c r="A16" s="178" t="s">
        <v>43</v>
      </c>
      <c r="B16" s="512">
        <v>30</v>
      </c>
      <c r="C16" s="118">
        <v>24</v>
      </c>
      <c r="D16" s="275">
        <v>185</v>
      </c>
      <c r="E16" s="299">
        <v>62</v>
      </c>
      <c r="F16" s="505"/>
    </row>
    <row r="17" spans="1:6" ht="20.100000000000001" customHeight="1" x14ac:dyDescent="0.2">
      <c r="A17" s="178" t="s">
        <v>44</v>
      </c>
      <c r="B17" s="512">
        <v>22</v>
      </c>
      <c r="C17" s="118">
        <v>32</v>
      </c>
      <c r="D17" s="275">
        <v>70</v>
      </c>
      <c r="E17" s="299">
        <v>3</v>
      </c>
      <c r="F17" s="505"/>
    </row>
    <row r="18" spans="1:6" ht="20.100000000000001" customHeight="1" x14ac:dyDescent="0.2">
      <c r="A18" s="178" t="s">
        <v>45</v>
      </c>
      <c r="B18" s="512">
        <v>14</v>
      </c>
      <c r="C18" s="118">
        <v>8</v>
      </c>
      <c r="D18" s="182">
        <v>49</v>
      </c>
      <c r="E18" s="20">
        <v>10</v>
      </c>
      <c r="F18" s="505"/>
    </row>
    <row r="19" spans="1:6" ht="20.100000000000001" customHeight="1" x14ac:dyDescent="0.2">
      <c r="A19" s="181" t="s">
        <v>46</v>
      </c>
      <c r="B19" s="512">
        <v>15</v>
      </c>
      <c r="C19" s="112">
        <v>4</v>
      </c>
      <c r="D19" s="275">
        <v>29</v>
      </c>
      <c r="E19" s="299">
        <v>0</v>
      </c>
      <c r="F19" s="499"/>
    </row>
    <row r="20" spans="1:6" ht="20.100000000000001" customHeight="1" x14ac:dyDescent="0.2">
      <c r="A20" s="181" t="s">
        <v>47</v>
      </c>
      <c r="B20" s="512">
        <v>15</v>
      </c>
      <c r="C20" s="118">
        <v>23</v>
      </c>
      <c r="D20" s="275">
        <v>135</v>
      </c>
      <c r="E20" s="299">
        <v>0</v>
      </c>
      <c r="F20" s="499"/>
    </row>
    <row r="21" spans="1:6" ht="20.100000000000001" customHeight="1" x14ac:dyDescent="0.2">
      <c r="A21" s="181" t="s">
        <v>48</v>
      </c>
      <c r="B21" s="512">
        <v>22</v>
      </c>
      <c r="C21" s="118">
        <v>2</v>
      </c>
      <c r="D21" s="275">
        <v>60</v>
      </c>
      <c r="E21" s="299">
        <v>3</v>
      </c>
      <c r="F21" s="499"/>
    </row>
    <row r="22" spans="1:6" ht="20.100000000000001" customHeight="1" thickBot="1" x14ac:dyDescent="0.25">
      <c r="A22" s="193" t="s">
        <v>49</v>
      </c>
      <c r="B22" s="512">
        <v>11</v>
      </c>
      <c r="C22" s="118">
        <v>1</v>
      </c>
      <c r="D22" s="194">
        <v>12</v>
      </c>
      <c r="E22" s="20">
        <v>0</v>
      </c>
      <c r="F22" s="499"/>
    </row>
    <row r="23" spans="1:6" ht="20.100000000000001" customHeight="1" thickTop="1" thickBot="1" x14ac:dyDescent="0.25">
      <c r="A23" s="189" t="s">
        <v>66</v>
      </c>
      <c r="B23" s="83">
        <v>213</v>
      </c>
      <c r="C23" s="95">
        <v>191</v>
      </c>
      <c r="D23" s="98">
        <v>1021</v>
      </c>
      <c r="E23" s="516">
        <v>99</v>
      </c>
      <c r="F23" s="505"/>
    </row>
  </sheetData>
  <phoneticPr fontId="1"/>
  <pageMargins left="0.82677165354330717" right="0.23622047244094491" top="0.74803149606299213" bottom="0.74803149606299213" header="0.31496062992125984" footer="0.31496062992125984"/>
  <pageSetup paperSize="9" scale="65" orientation="landscape" r:id="rId1"/>
  <headerFooter>
    <oddFooter>&amp;C&amp;P</oddFoot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48"/>
  <sheetViews>
    <sheetView view="pageBreakPreview" zoomScale="80" zoomScaleNormal="80" zoomScaleSheetLayoutView="80" workbookViewId="0"/>
  </sheetViews>
  <sheetFormatPr defaultColWidth="14.59765625" defaultRowHeight="20.100000000000001" customHeight="1" x14ac:dyDescent="0.2"/>
  <cols>
    <col min="1" max="1" width="14.59765625" style="389" customWidth="1"/>
    <col min="2" max="2" width="14.59765625" style="389"/>
    <col min="3" max="4" width="14.59765625" style="389" customWidth="1"/>
    <col min="5" max="6" width="14.69921875" style="389" customWidth="1"/>
    <col min="7" max="7" width="6.59765625" style="389" customWidth="1"/>
    <col min="8" max="8" width="6.19921875" style="389" customWidth="1"/>
    <col min="9" max="12" width="13.19921875" style="389" customWidth="1"/>
    <col min="13" max="13" width="14.296875" style="389" customWidth="1"/>
    <col min="14" max="16384" width="14.59765625" style="389"/>
  </cols>
  <sheetData>
    <row r="1" spans="1:15" ht="20.100000000000001" customHeight="1" x14ac:dyDescent="0.2">
      <c r="A1" s="388" t="s">
        <v>335</v>
      </c>
      <c r="B1" s="388"/>
    </row>
    <row r="2" spans="1:15" ht="12" customHeight="1" x14ac:dyDescent="0.2">
      <c r="A2" s="425"/>
      <c r="B2" s="425"/>
    </row>
    <row r="3" spans="1:15" ht="20.100000000000001" customHeight="1" thickBot="1" x14ac:dyDescent="0.25">
      <c r="A3" s="389" t="s">
        <v>223</v>
      </c>
      <c r="H3" s="389" t="s">
        <v>336</v>
      </c>
    </row>
    <row r="4" spans="1:15" ht="24.6" customHeight="1" thickBot="1" x14ac:dyDescent="0.25">
      <c r="A4" s="426" t="s">
        <v>68</v>
      </c>
      <c r="B4" s="392" t="s">
        <v>234</v>
      </c>
      <c r="C4" s="427" t="s">
        <v>260</v>
      </c>
      <c r="D4" s="428" t="s">
        <v>235</v>
      </c>
      <c r="E4" s="429" t="s">
        <v>261</v>
      </c>
      <c r="F4" s="430" t="s">
        <v>262</v>
      </c>
      <c r="G4" s="431"/>
      <c r="H4" s="698" t="s">
        <v>263</v>
      </c>
      <c r="I4" s="699"/>
      <c r="J4" s="699"/>
      <c r="K4" s="699"/>
      <c r="L4" s="699"/>
      <c r="M4" s="700"/>
      <c r="N4" s="432" t="s">
        <v>350</v>
      </c>
      <c r="O4" s="432" t="s">
        <v>351</v>
      </c>
    </row>
    <row r="5" spans="1:15" ht="20.100000000000001" customHeight="1" thickTop="1" x14ac:dyDescent="0.2">
      <c r="A5" s="433" t="s">
        <v>84</v>
      </c>
      <c r="B5" s="434">
        <v>41</v>
      </c>
      <c r="C5" s="435">
        <v>1</v>
      </c>
      <c r="D5" s="89">
        <v>2.4390243902439025E-2</v>
      </c>
      <c r="E5" s="436">
        <v>1</v>
      </c>
      <c r="F5" s="437">
        <v>1</v>
      </c>
      <c r="G5" s="45"/>
      <c r="H5" s="346">
        <v>1</v>
      </c>
      <c r="I5" s="438" t="s">
        <v>96</v>
      </c>
      <c r="J5" s="439"/>
      <c r="K5" s="439"/>
      <c r="L5" s="439"/>
      <c r="M5" s="439"/>
      <c r="N5" s="440">
        <v>118</v>
      </c>
      <c r="O5" s="440">
        <v>134</v>
      </c>
    </row>
    <row r="6" spans="1:15" ht="20.100000000000001" customHeight="1" x14ac:dyDescent="0.2">
      <c r="A6" s="441" t="s">
        <v>118</v>
      </c>
      <c r="B6" s="442">
        <v>70</v>
      </c>
      <c r="C6" s="443">
        <v>10</v>
      </c>
      <c r="D6" s="68">
        <v>0.14285714285714285</v>
      </c>
      <c r="E6" s="444">
        <v>13</v>
      </c>
      <c r="F6" s="445">
        <v>17</v>
      </c>
      <c r="G6" s="45"/>
      <c r="H6" s="348">
        <v>2</v>
      </c>
      <c r="I6" s="446" t="s">
        <v>97</v>
      </c>
      <c r="J6" s="447"/>
      <c r="K6" s="447"/>
      <c r="L6" s="447"/>
      <c r="M6" s="447"/>
      <c r="N6" s="448">
        <v>144</v>
      </c>
      <c r="O6" s="448">
        <v>171</v>
      </c>
    </row>
    <row r="7" spans="1:15" ht="20.100000000000001" customHeight="1" x14ac:dyDescent="0.2">
      <c r="A7" s="441" t="s">
        <v>119</v>
      </c>
      <c r="B7" s="442">
        <v>40</v>
      </c>
      <c r="C7" s="443">
        <v>14</v>
      </c>
      <c r="D7" s="68">
        <v>0.35</v>
      </c>
      <c r="E7" s="444">
        <v>50</v>
      </c>
      <c r="F7" s="445">
        <v>73</v>
      </c>
      <c r="G7" s="45"/>
      <c r="H7" s="348">
        <v>3</v>
      </c>
      <c r="I7" s="446" t="s">
        <v>98</v>
      </c>
      <c r="J7" s="447"/>
      <c r="K7" s="447"/>
      <c r="L7" s="447"/>
      <c r="M7" s="447"/>
      <c r="N7" s="448">
        <v>109</v>
      </c>
      <c r="O7" s="448">
        <v>124</v>
      </c>
    </row>
    <row r="8" spans="1:15" ht="20.100000000000001" customHeight="1" x14ac:dyDescent="0.2">
      <c r="A8" s="441" t="s">
        <v>120</v>
      </c>
      <c r="B8" s="442">
        <v>27</v>
      </c>
      <c r="C8" s="443">
        <v>15</v>
      </c>
      <c r="D8" s="68">
        <v>0.55555555555555558</v>
      </c>
      <c r="E8" s="444">
        <v>62</v>
      </c>
      <c r="F8" s="445">
        <v>70</v>
      </c>
      <c r="G8" s="45"/>
      <c r="H8" s="348">
        <v>4</v>
      </c>
      <c r="I8" s="446" t="s">
        <v>99</v>
      </c>
      <c r="J8" s="447"/>
      <c r="K8" s="447"/>
      <c r="L8" s="447"/>
      <c r="M8" s="447"/>
      <c r="N8" s="448">
        <v>63</v>
      </c>
      <c r="O8" s="448">
        <v>68</v>
      </c>
    </row>
    <row r="9" spans="1:15" ht="20.100000000000001" customHeight="1" x14ac:dyDescent="0.2">
      <c r="A9" s="441" t="s">
        <v>86</v>
      </c>
      <c r="B9" s="442">
        <v>15</v>
      </c>
      <c r="C9" s="443">
        <v>12</v>
      </c>
      <c r="D9" s="68">
        <v>0.8</v>
      </c>
      <c r="E9" s="444">
        <v>45</v>
      </c>
      <c r="F9" s="445">
        <v>57</v>
      </c>
      <c r="G9" s="45"/>
      <c r="H9" s="348">
        <v>5</v>
      </c>
      <c r="I9" s="446" t="s">
        <v>100</v>
      </c>
      <c r="J9" s="447"/>
      <c r="K9" s="447"/>
      <c r="L9" s="447"/>
      <c r="M9" s="447"/>
      <c r="N9" s="448">
        <v>56</v>
      </c>
      <c r="O9" s="448">
        <v>61</v>
      </c>
    </row>
    <row r="10" spans="1:15" ht="20.100000000000001" customHeight="1" thickBot="1" x14ac:dyDescent="0.25">
      <c r="A10" s="449" t="s">
        <v>121</v>
      </c>
      <c r="B10" s="450">
        <v>20</v>
      </c>
      <c r="C10" s="451">
        <v>19</v>
      </c>
      <c r="D10" s="90">
        <v>0.95</v>
      </c>
      <c r="E10" s="452">
        <v>200</v>
      </c>
      <c r="F10" s="453">
        <v>260</v>
      </c>
      <c r="G10" s="45"/>
      <c r="H10" s="348">
        <v>6</v>
      </c>
      <c r="I10" s="446" t="s">
        <v>101</v>
      </c>
      <c r="J10" s="447"/>
      <c r="K10" s="447"/>
      <c r="L10" s="447"/>
      <c r="M10" s="447"/>
      <c r="N10" s="448">
        <v>60</v>
      </c>
      <c r="O10" s="448">
        <v>68</v>
      </c>
    </row>
    <row r="11" spans="1:15" ht="20.100000000000001" customHeight="1" thickTop="1" thickBot="1" x14ac:dyDescent="0.25">
      <c r="A11" s="454" t="s">
        <v>66</v>
      </c>
      <c r="B11" s="455">
        <v>213</v>
      </c>
      <c r="C11" s="455">
        <v>71</v>
      </c>
      <c r="D11" s="88">
        <v>0.33333333333333331</v>
      </c>
      <c r="E11" s="456">
        <v>371</v>
      </c>
      <c r="F11" s="457">
        <v>478</v>
      </c>
      <c r="G11" s="45"/>
      <c r="H11" s="348">
        <v>7</v>
      </c>
      <c r="I11" s="446" t="s">
        <v>102</v>
      </c>
      <c r="J11" s="447"/>
      <c r="K11" s="447"/>
      <c r="L11" s="447"/>
      <c r="M11" s="447"/>
      <c r="N11" s="448">
        <v>82</v>
      </c>
      <c r="O11" s="448">
        <v>93</v>
      </c>
    </row>
    <row r="12" spans="1:15" ht="19.95" customHeight="1" x14ac:dyDescent="0.2">
      <c r="A12" s="391"/>
      <c r="B12" s="391"/>
      <c r="C12" s="458"/>
      <c r="D12" s="458"/>
      <c r="E12" s="458"/>
      <c r="F12" s="458"/>
      <c r="G12" s="458"/>
      <c r="H12" s="348">
        <v>8</v>
      </c>
      <c r="I12" s="446" t="s">
        <v>103</v>
      </c>
      <c r="J12" s="447"/>
      <c r="K12" s="447"/>
      <c r="L12" s="447"/>
      <c r="M12" s="447"/>
      <c r="N12" s="448">
        <v>69</v>
      </c>
      <c r="O12" s="448">
        <v>73</v>
      </c>
    </row>
    <row r="13" spans="1:15" ht="19.2" customHeight="1" thickBot="1" x14ac:dyDescent="0.25">
      <c r="A13" s="389" t="s">
        <v>221</v>
      </c>
      <c r="H13" s="459">
        <v>9</v>
      </c>
      <c r="I13" s="460" t="s">
        <v>104</v>
      </c>
      <c r="J13" s="461"/>
      <c r="K13" s="461"/>
      <c r="L13" s="461"/>
      <c r="M13" s="461"/>
      <c r="N13" s="448">
        <v>115</v>
      </c>
      <c r="O13" s="448">
        <v>130</v>
      </c>
    </row>
    <row r="14" spans="1:15" ht="24.6" customHeight="1" thickBot="1" x14ac:dyDescent="0.25">
      <c r="A14" s="426" t="s">
        <v>163</v>
      </c>
      <c r="B14" s="392" t="s">
        <v>234</v>
      </c>
      <c r="C14" s="427" t="s">
        <v>260</v>
      </c>
      <c r="D14" s="428" t="s">
        <v>235</v>
      </c>
      <c r="E14" s="429" t="s">
        <v>261</v>
      </c>
      <c r="F14" s="462" t="s">
        <v>262</v>
      </c>
      <c r="G14" s="431"/>
      <c r="H14" s="459">
        <v>10</v>
      </c>
      <c r="I14" s="460" t="s">
        <v>115</v>
      </c>
      <c r="J14" s="461"/>
      <c r="K14" s="461"/>
      <c r="L14" s="461"/>
      <c r="M14" s="461"/>
      <c r="N14" s="448">
        <v>90</v>
      </c>
      <c r="O14" s="448">
        <v>104</v>
      </c>
    </row>
    <row r="15" spans="1:15" ht="20.100000000000001" customHeight="1" thickTop="1" x14ac:dyDescent="0.2">
      <c r="A15" s="463" t="s">
        <v>79</v>
      </c>
      <c r="B15" s="434">
        <v>84</v>
      </c>
      <c r="C15" s="464">
        <v>34</v>
      </c>
      <c r="D15" s="89">
        <v>0.40476190476190477</v>
      </c>
      <c r="E15" s="465">
        <v>182</v>
      </c>
      <c r="F15" s="466">
        <v>248</v>
      </c>
      <c r="G15" s="45"/>
      <c r="H15" s="348">
        <v>11</v>
      </c>
      <c r="I15" s="446" t="s">
        <v>105</v>
      </c>
      <c r="J15" s="447"/>
      <c r="K15" s="447"/>
      <c r="L15" s="447"/>
      <c r="M15" s="447"/>
      <c r="N15" s="448">
        <v>137</v>
      </c>
      <c r="O15" s="448">
        <v>160</v>
      </c>
    </row>
    <row r="16" spans="1:15" ht="20.100000000000001" customHeight="1" x14ac:dyDescent="0.2">
      <c r="A16" s="441" t="s">
        <v>80</v>
      </c>
      <c r="B16" s="442">
        <v>30</v>
      </c>
      <c r="C16" s="467">
        <v>12</v>
      </c>
      <c r="D16" s="68">
        <v>0.4</v>
      </c>
      <c r="E16" s="468">
        <v>71</v>
      </c>
      <c r="F16" s="469">
        <v>83</v>
      </c>
      <c r="G16" s="45"/>
      <c r="H16" s="348">
        <v>12</v>
      </c>
      <c r="I16" s="446" t="s">
        <v>106</v>
      </c>
      <c r="J16" s="447"/>
      <c r="K16" s="447"/>
      <c r="L16" s="447"/>
      <c r="M16" s="447"/>
      <c r="N16" s="448">
        <v>117</v>
      </c>
      <c r="O16" s="448">
        <v>122</v>
      </c>
    </row>
    <row r="17" spans="1:15" ht="20.100000000000001" customHeight="1" x14ac:dyDescent="0.2">
      <c r="A17" s="441" t="s">
        <v>0</v>
      </c>
      <c r="B17" s="442">
        <v>22</v>
      </c>
      <c r="C17" s="467">
        <v>5</v>
      </c>
      <c r="D17" s="68">
        <v>0.22727272727272727</v>
      </c>
      <c r="E17" s="468">
        <v>46</v>
      </c>
      <c r="F17" s="469">
        <v>58</v>
      </c>
      <c r="G17" s="45"/>
      <c r="H17" s="348">
        <v>13</v>
      </c>
      <c r="I17" s="446" t="s">
        <v>107</v>
      </c>
      <c r="J17" s="447"/>
      <c r="K17" s="447"/>
      <c r="L17" s="447"/>
      <c r="M17" s="447"/>
      <c r="N17" s="448">
        <v>137</v>
      </c>
      <c r="O17" s="448">
        <v>166</v>
      </c>
    </row>
    <row r="18" spans="1:15" ht="20.100000000000001" customHeight="1" x14ac:dyDescent="0.2">
      <c r="A18" s="441" t="s">
        <v>3</v>
      </c>
      <c r="B18" s="442">
        <v>14</v>
      </c>
      <c r="C18" s="467">
        <v>4</v>
      </c>
      <c r="D18" s="68">
        <v>0.2857142857142857</v>
      </c>
      <c r="E18" s="468">
        <v>28</v>
      </c>
      <c r="F18" s="469">
        <v>36</v>
      </c>
      <c r="G18" s="45"/>
      <c r="H18" s="348">
        <v>14</v>
      </c>
      <c r="I18" s="446" t="s">
        <v>108</v>
      </c>
      <c r="J18" s="447"/>
      <c r="K18" s="447"/>
      <c r="L18" s="447"/>
      <c r="M18" s="447"/>
      <c r="N18" s="448">
        <v>59</v>
      </c>
      <c r="O18" s="448">
        <v>67</v>
      </c>
    </row>
    <row r="19" spans="1:15" ht="20.100000000000001" customHeight="1" x14ac:dyDescent="0.2">
      <c r="A19" s="441" t="s">
        <v>1</v>
      </c>
      <c r="B19" s="442">
        <v>15</v>
      </c>
      <c r="C19" s="467">
        <v>1</v>
      </c>
      <c r="D19" s="68">
        <v>6.6666666666666666E-2</v>
      </c>
      <c r="E19" s="468">
        <v>5</v>
      </c>
      <c r="F19" s="469">
        <v>6</v>
      </c>
      <c r="G19" s="45"/>
      <c r="H19" s="348">
        <v>15</v>
      </c>
      <c r="I19" s="446" t="s">
        <v>109</v>
      </c>
      <c r="J19" s="447"/>
      <c r="K19" s="447"/>
      <c r="L19" s="447"/>
      <c r="M19" s="447"/>
      <c r="N19" s="448">
        <v>306</v>
      </c>
      <c r="O19" s="448">
        <v>374</v>
      </c>
    </row>
    <row r="20" spans="1:15" ht="20.100000000000001" customHeight="1" x14ac:dyDescent="0.2">
      <c r="A20" s="441" t="s">
        <v>2</v>
      </c>
      <c r="B20" s="442">
        <v>15</v>
      </c>
      <c r="C20" s="467">
        <v>8</v>
      </c>
      <c r="D20" s="68">
        <v>0.53333333333333333</v>
      </c>
      <c r="E20" s="468">
        <v>32</v>
      </c>
      <c r="F20" s="469">
        <v>36</v>
      </c>
      <c r="G20" s="45"/>
      <c r="H20" s="348">
        <v>16</v>
      </c>
      <c r="I20" s="446" t="s">
        <v>110</v>
      </c>
      <c r="J20" s="447"/>
      <c r="K20" s="447"/>
      <c r="L20" s="447"/>
      <c r="M20" s="447"/>
      <c r="N20" s="448">
        <v>78</v>
      </c>
      <c r="O20" s="448">
        <v>88</v>
      </c>
    </row>
    <row r="21" spans="1:15" ht="20.100000000000001" customHeight="1" x14ac:dyDescent="0.2">
      <c r="A21" s="441" t="s">
        <v>5</v>
      </c>
      <c r="B21" s="442">
        <v>22</v>
      </c>
      <c r="C21" s="467">
        <v>5</v>
      </c>
      <c r="D21" s="68">
        <v>0.22727272727272727</v>
      </c>
      <c r="E21" s="468">
        <v>6</v>
      </c>
      <c r="F21" s="469">
        <v>9</v>
      </c>
      <c r="G21" s="45"/>
      <c r="H21" s="348">
        <v>17</v>
      </c>
      <c r="I21" s="446" t="s">
        <v>111</v>
      </c>
      <c r="J21" s="447"/>
      <c r="K21" s="447"/>
      <c r="L21" s="447"/>
      <c r="M21" s="447"/>
      <c r="N21" s="448">
        <v>144</v>
      </c>
      <c r="O21" s="448">
        <v>154</v>
      </c>
    </row>
    <row r="22" spans="1:15" ht="20.100000000000001" customHeight="1" thickBot="1" x14ac:dyDescent="0.25">
      <c r="A22" s="449" t="s">
        <v>4</v>
      </c>
      <c r="B22" s="470">
        <v>11</v>
      </c>
      <c r="C22" s="420">
        <v>2</v>
      </c>
      <c r="D22" s="90">
        <v>0.18181818181818182</v>
      </c>
      <c r="E22" s="471">
        <v>1</v>
      </c>
      <c r="F22" s="472">
        <v>2</v>
      </c>
      <c r="G22" s="45"/>
      <c r="H22" s="348">
        <v>18</v>
      </c>
      <c r="I22" s="446" t="s">
        <v>116</v>
      </c>
      <c r="J22" s="447"/>
      <c r="K22" s="447"/>
      <c r="L22" s="447"/>
      <c r="M22" s="447"/>
      <c r="N22" s="448">
        <v>79</v>
      </c>
      <c r="O22" s="448">
        <v>94</v>
      </c>
    </row>
    <row r="23" spans="1:15" ht="20.100000000000001" customHeight="1" thickTop="1" thickBot="1" x14ac:dyDescent="0.25">
      <c r="A23" s="473" t="s">
        <v>122</v>
      </c>
      <c r="B23" s="474">
        <v>213</v>
      </c>
      <c r="C23" s="475">
        <v>71</v>
      </c>
      <c r="D23" s="91">
        <v>0.33333333333333331</v>
      </c>
      <c r="E23" s="476">
        <v>371</v>
      </c>
      <c r="F23" s="477">
        <v>478</v>
      </c>
      <c r="G23" s="45"/>
      <c r="H23" s="348">
        <v>19</v>
      </c>
      <c r="I23" s="446" t="s">
        <v>112</v>
      </c>
      <c r="J23" s="447"/>
      <c r="K23" s="447"/>
      <c r="L23" s="447"/>
      <c r="M23" s="447"/>
      <c r="N23" s="448">
        <v>121</v>
      </c>
      <c r="O23" s="448">
        <v>142</v>
      </c>
    </row>
    <row r="24" spans="1:15" ht="19.95" customHeight="1" x14ac:dyDescent="0.2">
      <c r="A24" s="391"/>
      <c r="B24" s="415"/>
      <c r="C24" s="415"/>
      <c r="D24" s="45"/>
      <c r="E24" s="415"/>
      <c r="F24" s="415"/>
      <c r="H24" s="348">
        <v>20</v>
      </c>
      <c r="I24" s="446" t="s">
        <v>113</v>
      </c>
      <c r="J24" s="447"/>
      <c r="K24" s="447"/>
      <c r="L24" s="447"/>
      <c r="M24" s="447"/>
      <c r="N24" s="448">
        <v>78</v>
      </c>
      <c r="O24" s="448">
        <v>87</v>
      </c>
    </row>
    <row r="25" spans="1:15" ht="20.100000000000001" customHeight="1" thickBot="1" x14ac:dyDescent="0.25">
      <c r="A25" s="391"/>
      <c r="B25" s="415"/>
      <c r="C25" s="415"/>
      <c r="D25" s="45"/>
      <c r="E25" s="415"/>
      <c r="F25" s="415"/>
      <c r="H25" s="350">
        <v>21</v>
      </c>
      <c r="I25" s="478" t="s">
        <v>114</v>
      </c>
      <c r="J25" s="479"/>
      <c r="K25" s="479"/>
      <c r="L25" s="479"/>
      <c r="M25" s="479"/>
      <c r="N25" s="480">
        <v>61</v>
      </c>
      <c r="O25" s="480">
        <v>65</v>
      </c>
    </row>
    <row r="26" spans="1:15" ht="20.100000000000001" customHeight="1" thickTop="1" thickBot="1" x14ac:dyDescent="0.25">
      <c r="A26" s="391"/>
      <c r="B26" s="415"/>
      <c r="C26" s="415"/>
      <c r="D26" s="45"/>
      <c r="E26" s="415"/>
      <c r="F26" s="415"/>
      <c r="H26" s="481"/>
      <c r="I26" s="482"/>
      <c r="J26" s="482"/>
      <c r="K26" s="482"/>
      <c r="L26" s="482"/>
      <c r="M26" s="483" t="s">
        <v>265</v>
      </c>
      <c r="N26" s="92">
        <v>2223</v>
      </c>
      <c r="O26" s="92">
        <v>2545</v>
      </c>
    </row>
    <row r="27" spans="1:15" ht="20.100000000000001" customHeight="1" thickBot="1" x14ac:dyDescent="0.25">
      <c r="H27" s="698" t="s">
        <v>264</v>
      </c>
      <c r="I27" s="699"/>
      <c r="J27" s="699"/>
      <c r="K27" s="699"/>
      <c r="L27" s="699"/>
      <c r="M27" s="700"/>
      <c r="N27" s="432" t="s">
        <v>350</v>
      </c>
      <c r="O27" s="432" t="s">
        <v>351</v>
      </c>
    </row>
    <row r="28" spans="1:15" ht="20.100000000000001" customHeight="1" thickTop="1" thickBot="1" x14ac:dyDescent="0.25">
      <c r="A28" s="458" t="s">
        <v>337</v>
      </c>
      <c r="B28" s="458"/>
      <c r="C28" s="458"/>
      <c r="D28" s="389" t="s">
        <v>222</v>
      </c>
      <c r="H28" s="346">
        <v>1</v>
      </c>
      <c r="I28" s="438" t="s">
        <v>266</v>
      </c>
      <c r="J28" s="439"/>
      <c r="K28" s="439"/>
      <c r="L28" s="439"/>
      <c r="M28" s="439"/>
      <c r="N28" s="440">
        <v>2</v>
      </c>
      <c r="O28" s="440">
        <v>2</v>
      </c>
    </row>
    <row r="29" spans="1:15" ht="20.100000000000001" customHeight="1" thickBot="1" x14ac:dyDescent="0.25">
      <c r="A29" s="392" t="s">
        <v>68</v>
      </c>
      <c r="B29" s="484" t="s">
        <v>233</v>
      </c>
      <c r="D29" s="392" t="s">
        <v>158</v>
      </c>
      <c r="E29" s="484" t="s">
        <v>233</v>
      </c>
      <c r="H29" s="348">
        <v>2</v>
      </c>
      <c r="I29" s="446" t="s">
        <v>267</v>
      </c>
      <c r="J29" s="447"/>
      <c r="K29" s="447"/>
      <c r="L29" s="447"/>
      <c r="M29" s="447"/>
      <c r="N29" s="448">
        <v>6</v>
      </c>
      <c r="O29" s="448">
        <v>8</v>
      </c>
    </row>
    <row r="30" spans="1:15" ht="20.100000000000001" customHeight="1" thickTop="1" x14ac:dyDescent="0.2">
      <c r="A30" s="397" t="s">
        <v>84</v>
      </c>
      <c r="B30" s="485">
        <v>4</v>
      </c>
      <c r="D30" s="397" t="s">
        <v>79</v>
      </c>
      <c r="E30" s="485">
        <v>17</v>
      </c>
      <c r="H30" s="348">
        <v>3</v>
      </c>
      <c r="I30" s="446" t="s">
        <v>268</v>
      </c>
      <c r="J30" s="447"/>
      <c r="K30" s="447"/>
      <c r="L30" s="447"/>
      <c r="M30" s="447"/>
      <c r="N30" s="448">
        <v>21</v>
      </c>
      <c r="O30" s="448">
        <v>26</v>
      </c>
    </row>
    <row r="31" spans="1:15" ht="20.100000000000001" customHeight="1" x14ac:dyDescent="0.2">
      <c r="A31" s="402" t="s">
        <v>118</v>
      </c>
      <c r="B31" s="486">
        <v>12</v>
      </c>
      <c r="D31" s="402" t="s">
        <v>80</v>
      </c>
      <c r="E31" s="486">
        <v>5</v>
      </c>
      <c r="H31" s="348">
        <v>4</v>
      </c>
      <c r="I31" s="446" t="s">
        <v>269</v>
      </c>
      <c r="J31" s="447"/>
      <c r="K31" s="447"/>
      <c r="L31" s="447"/>
      <c r="M31" s="447"/>
      <c r="N31" s="448">
        <v>3</v>
      </c>
      <c r="O31" s="448">
        <v>6</v>
      </c>
    </row>
    <row r="32" spans="1:15" ht="20.100000000000001" customHeight="1" x14ac:dyDescent="0.2">
      <c r="A32" s="402" t="s">
        <v>119</v>
      </c>
      <c r="B32" s="486">
        <v>3</v>
      </c>
      <c r="D32" s="402" t="s">
        <v>0</v>
      </c>
      <c r="E32" s="486">
        <v>3</v>
      </c>
      <c r="H32" s="348">
        <v>5</v>
      </c>
      <c r="I32" s="446" t="s">
        <v>270</v>
      </c>
      <c r="J32" s="447"/>
      <c r="K32" s="447"/>
      <c r="L32" s="447"/>
      <c r="M32" s="447"/>
      <c r="N32" s="448">
        <v>3</v>
      </c>
      <c r="O32" s="448">
        <v>3</v>
      </c>
    </row>
    <row r="33" spans="1:15" ht="20.100000000000001" customHeight="1" thickBot="1" x14ac:dyDescent="0.25">
      <c r="A33" s="402" t="s">
        <v>120</v>
      </c>
      <c r="B33" s="486">
        <v>8</v>
      </c>
      <c r="D33" s="402" t="s">
        <v>3</v>
      </c>
      <c r="E33" s="486">
        <v>2</v>
      </c>
      <c r="H33" s="348">
        <v>6</v>
      </c>
      <c r="I33" s="446" t="s">
        <v>271</v>
      </c>
      <c r="J33" s="447"/>
      <c r="K33" s="447"/>
      <c r="L33" s="447"/>
      <c r="M33" s="447"/>
      <c r="N33" s="480">
        <v>3</v>
      </c>
      <c r="O33" s="480">
        <v>4</v>
      </c>
    </row>
    <row r="34" spans="1:15" ht="20.100000000000001" customHeight="1" thickTop="1" thickBot="1" x14ac:dyDescent="0.25">
      <c r="A34" s="402" t="s">
        <v>86</v>
      </c>
      <c r="B34" s="486">
        <v>2</v>
      </c>
      <c r="D34" s="402" t="s">
        <v>1</v>
      </c>
      <c r="E34" s="486">
        <v>1</v>
      </c>
      <c r="H34" s="487"/>
      <c r="I34" s="488"/>
      <c r="J34" s="488"/>
      <c r="K34" s="488"/>
      <c r="L34" s="488"/>
      <c r="M34" s="489" t="s">
        <v>265</v>
      </c>
      <c r="N34" s="92">
        <v>38</v>
      </c>
      <c r="O34" s="92">
        <v>49</v>
      </c>
    </row>
    <row r="35" spans="1:15" ht="20.100000000000001" customHeight="1" thickBot="1" x14ac:dyDescent="0.25">
      <c r="A35" s="406" t="s">
        <v>121</v>
      </c>
      <c r="B35" s="490">
        <v>5</v>
      </c>
      <c r="D35" s="402" t="s">
        <v>2</v>
      </c>
      <c r="E35" s="486">
        <v>1</v>
      </c>
      <c r="H35" s="379"/>
      <c r="I35" s="380"/>
      <c r="J35" s="380"/>
      <c r="K35" s="380"/>
      <c r="L35" s="491"/>
      <c r="M35" s="492" t="s">
        <v>272</v>
      </c>
      <c r="N35" s="493">
        <v>2261</v>
      </c>
      <c r="O35" s="493">
        <v>2594</v>
      </c>
    </row>
    <row r="36" spans="1:15" ht="20.100000000000001" customHeight="1" thickTop="1" thickBot="1" x14ac:dyDescent="0.25">
      <c r="A36" s="411" t="s">
        <v>66</v>
      </c>
      <c r="B36" s="494">
        <v>34</v>
      </c>
      <c r="D36" s="402" t="s">
        <v>5</v>
      </c>
      <c r="E36" s="486">
        <v>2</v>
      </c>
      <c r="L36" s="415"/>
    </row>
    <row r="37" spans="1:15" ht="20.100000000000001" customHeight="1" thickBot="1" x14ac:dyDescent="0.25">
      <c r="A37" s="391"/>
      <c r="B37" s="415"/>
      <c r="D37" s="406" t="s">
        <v>4</v>
      </c>
      <c r="E37" s="490">
        <v>3</v>
      </c>
      <c r="L37" s="415"/>
    </row>
    <row r="38" spans="1:15" ht="19.95" customHeight="1" thickTop="1" thickBot="1" x14ac:dyDescent="0.25">
      <c r="D38" s="411" t="s">
        <v>122</v>
      </c>
      <c r="E38" s="494">
        <v>34</v>
      </c>
      <c r="L38" s="415"/>
    </row>
    <row r="39" spans="1:15" ht="19.95" customHeight="1" x14ac:dyDescent="0.2">
      <c r="L39" s="415"/>
    </row>
    <row r="40" spans="1:15" ht="19.95" customHeight="1" x14ac:dyDescent="0.2">
      <c r="C40" s="415"/>
      <c r="L40" s="415"/>
    </row>
    <row r="41" spans="1:15" ht="19.95" customHeight="1" x14ac:dyDescent="0.2">
      <c r="C41" s="415"/>
      <c r="L41" s="415"/>
    </row>
    <row r="42" spans="1:15" ht="19.95" customHeight="1" x14ac:dyDescent="0.2">
      <c r="C42" s="415"/>
      <c r="L42" s="415"/>
    </row>
    <row r="43" spans="1:15" ht="19.95" customHeight="1" x14ac:dyDescent="0.2">
      <c r="C43" s="415"/>
    </row>
    <row r="44" spans="1:15" ht="19.95" customHeight="1" x14ac:dyDescent="0.2">
      <c r="C44" s="415"/>
    </row>
    <row r="45" spans="1:15" ht="20.100000000000001" customHeight="1" x14ac:dyDescent="0.2">
      <c r="C45" s="415"/>
    </row>
    <row r="46" spans="1:15" ht="20.100000000000001" customHeight="1" x14ac:dyDescent="0.2">
      <c r="C46" s="415"/>
    </row>
    <row r="47" spans="1:15" ht="20.100000000000001" customHeight="1" x14ac:dyDescent="0.2">
      <c r="C47" s="415"/>
    </row>
    <row r="48" spans="1:15" ht="20.100000000000001" customHeight="1" x14ac:dyDescent="0.2">
      <c r="C48" s="415"/>
    </row>
  </sheetData>
  <mergeCells count="2">
    <mergeCell ref="H4:M4"/>
    <mergeCell ref="H27:M27"/>
  </mergeCells>
  <phoneticPr fontId="1"/>
  <printOptions horizontalCentered="1"/>
  <pageMargins left="0.23622047244094491" right="0.23622047244094491" top="0.59055118110236227" bottom="0.55118110236220474" header="0.31496062992125984" footer="0.31496062992125984"/>
  <pageSetup paperSize="9" scale="65" orientation="landscape" r:id="rId1"/>
  <headerFooter>
    <oddFooter>&amp;C&amp;P</oddFoot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46"/>
  <sheetViews>
    <sheetView view="pageBreakPreview" zoomScale="80" zoomScaleNormal="80" zoomScaleSheetLayoutView="80" workbookViewId="0"/>
  </sheetViews>
  <sheetFormatPr defaultColWidth="14.59765625" defaultRowHeight="20.100000000000001" customHeight="1" x14ac:dyDescent="0.2"/>
  <cols>
    <col min="1" max="1" width="14.59765625" style="389" customWidth="1"/>
    <col min="2" max="2" width="14.59765625" style="389"/>
    <col min="3" max="4" width="14.59765625" style="389" customWidth="1"/>
    <col min="5" max="15" width="14.69921875" style="389" customWidth="1"/>
    <col min="16" max="16384" width="14.59765625" style="389"/>
  </cols>
  <sheetData>
    <row r="1" spans="1:12" ht="20.100000000000001" customHeight="1" x14ac:dyDescent="0.2">
      <c r="A1" s="388" t="s">
        <v>335</v>
      </c>
      <c r="B1" s="388"/>
    </row>
    <row r="3" spans="1:12" ht="20.100000000000001" customHeight="1" thickBot="1" x14ac:dyDescent="0.25">
      <c r="A3" s="390" t="s">
        <v>346</v>
      </c>
      <c r="B3" s="390"/>
      <c r="C3" s="390"/>
      <c r="G3" s="389" t="s">
        <v>81</v>
      </c>
      <c r="J3" s="391"/>
    </row>
    <row r="4" spans="1:12" ht="20.100000000000001" customHeight="1" thickBot="1" x14ac:dyDescent="0.25">
      <c r="A4" s="392" t="s">
        <v>68</v>
      </c>
      <c r="B4" s="393" t="s">
        <v>338</v>
      </c>
      <c r="C4" s="393" t="s">
        <v>339</v>
      </c>
      <c r="D4" s="393" t="s">
        <v>340</v>
      </c>
      <c r="E4" s="393" t="s">
        <v>341</v>
      </c>
      <c r="F4" s="393" t="s">
        <v>342</v>
      </c>
      <c r="G4" s="393" t="s">
        <v>345</v>
      </c>
      <c r="H4" s="394" t="s">
        <v>343</v>
      </c>
      <c r="I4" s="395" t="s">
        <v>344</v>
      </c>
      <c r="J4" s="396" t="s">
        <v>66</v>
      </c>
    </row>
    <row r="5" spans="1:12" ht="20.100000000000001" customHeight="1" thickTop="1" x14ac:dyDescent="0.2">
      <c r="A5" s="397" t="s">
        <v>84</v>
      </c>
      <c r="B5" s="398">
        <v>3</v>
      </c>
      <c r="C5" s="398">
        <v>1</v>
      </c>
      <c r="D5" s="398">
        <v>17</v>
      </c>
      <c r="E5" s="398">
        <v>23</v>
      </c>
      <c r="F5" s="398">
        <v>8</v>
      </c>
      <c r="G5" s="398">
        <v>8</v>
      </c>
      <c r="H5" s="399">
        <v>5</v>
      </c>
      <c r="I5" s="400">
        <v>1</v>
      </c>
      <c r="J5" s="401">
        <v>66</v>
      </c>
    </row>
    <row r="6" spans="1:12" ht="20.100000000000001" customHeight="1" x14ac:dyDescent="0.2">
      <c r="A6" s="402" t="s">
        <v>118</v>
      </c>
      <c r="B6" s="403">
        <v>6</v>
      </c>
      <c r="C6" s="403">
        <v>4</v>
      </c>
      <c r="D6" s="403">
        <v>15</v>
      </c>
      <c r="E6" s="403">
        <v>34</v>
      </c>
      <c r="F6" s="403">
        <v>21</v>
      </c>
      <c r="G6" s="403">
        <v>15</v>
      </c>
      <c r="H6" s="403">
        <v>8</v>
      </c>
      <c r="I6" s="404">
        <v>9</v>
      </c>
      <c r="J6" s="405">
        <v>112</v>
      </c>
    </row>
    <row r="7" spans="1:12" ht="20.100000000000001" customHeight="1" x14ac:dyDescent="0.2">
      <c r="A7" s="402" t="s">
        <v>119</v>
      </c>
      <c r="B7" s="403">
        <v>5</v>
      </c>
      <c r="C7" s="403">
        <v>3</v>
      </c>
      <c r="D7" s="403">
        <v>8</v>
      </c>
      <c r="E7" s="403">
        <v>11</v>
      </c>
      <c r="F7" s="403">
        <v>12</v>
      </c>
      <c r="G7" s="403">
        <v>5</v>
      </c>
      <c r="H7" s="403">
        <v>2</v>
      </c>
      <c r="I7" s="404">
        <v>5</v>
      </c>
      <c r="J7" s="405">
        <v>51</v>
      </c>
    </row>
    <row r="8" spans="1:12" ht="20.100000000000001" customHeight="1" x14ac:dyDescent="0.2">
      <c r="A8" s="402" t="s">
        <v>120</v>
      </c>
      <c r="B8" s="403">
        <v>1</v>
      </c>
      <c r="C8" s="403">
        <v>0</v>
      </c>
      <c r="D8" s="403">
        <v>5</v>
      </c>
      <c r="E8" s="403">
        <v>8</v>
      </c>
      <c r="F8" s="403">
        <v>4</v>
      </c>
      <c r="G8" s="403">
        <v>4</v>
      </c>
      <c r="H8" s="403">
        <v>4</v>
      </c>
      <c r="I8" s="404">
        <v>1</v>
      </c>
      <c r="J8" s="405">
        <v>27</v>
      </c>
    </row>
    <row r="9" spans="1:12" ht="20.100000000000001" customHeight="1" x14ac:dyDescent="0.2">
      <c r="A9" s="402" t="s">
        <v>86</v>
      </c>
      <c r="B9" s="403">
        <v>1</v>
      </c>
      <c r="C9" s="403">
        <v>1</v>
      </c>
      <c r="D9" s="403">
        <v>1</v>
      </c>
      <c r="E9" s="403">
        <v>1</v>
      </c>
      <c r="F9" s="403">
        <v>2</v>
      </c>
      <c r="G9" s="403">
        <v>0</v>
      </c>
      <c r="H9" s="403">
        <v>0</v>
      </c>
      <c r="I9" s="404">
        <v>0</v>
      </c>
      <c r="J9" s="405">
        <v>6</v>
      </c>
    </row>
    <row r="10" spans="1:12" ht="20.100000000000001" customHeight="1" thickBot="1" x14ac:dyDescent="0.25">
      <c r="A10" s="406" t="s">
        <v>121</v>
      </c>
      <c r="B10" s="407">
        <v>1</v>
      </c>
      <c r="C10" s="407">
        <v>1</v>
      </c>
      <c r="D10" s="407">
        <v>1</v>
      </c>
      <c r="E10" s="407">
        <v>1</v>
      </c>
      <c r="F10" s="407">
        <v>1</v>
      </c>
      <c r="G10" s="407">
        <v>0</v>
      </c>
      <c r="H10" s="408">
        <v>0</v>
      </c>
      <c r="I10" s="409">
        <v>0</v>
      </c>
      <c r="J10" s="410">
        <v>5</v>
      </c>
    </row>
    <row r="11" spans="1:12" ht="20.100000000000001" customHeight="1" thickTop="1" thickBot="1" x14ac:dyDescent="0.25">
      <c r="A11" s="411" t="s">
        <v>66</v>
      </c>
      <c r="B11" s="412">
        <v>17</v>
      </c>
      <c r="C11" s="412">
        <v>10</v>
      </c>
      <c r="D11" s="412">
        <v>47</v>
      </c>
      <c r="E11" s="412">
        <v>78</v>
      </c>
      <c r="F11" s="412">
        <v>48</v>
      </c>
      <c r="G11" s="412">
        <v>32</v>
      </c>
      <c r="H11" s="412">
        <v>19</v>
      </c>
      <c r="I11" s="413">
        <v>16</v>
      </c>
      <c r="J11" s="414">
        <v>267</v>
      </c>
    </row>
    <row r="12" spans="1:12" ht="20.100000000000001" customHeight="1" thickTop="1" thickBot="1" x14ac:dyDescent="0.25">
      <c r="A12" s="106" t="s">
        <v>348</v>
      </c>
      <c r="B12" s="107">
        <v>6.3670411985018729E-2</v>
      </c>
      <c r="C12" s="107">
        <v>3.7453183520599252E-2</v>
      </c>
      <c r="D12" s="107">
        <v>0.17602996254681649</v>
      </c>
      <c r="E12" s="107">
        <v>0.29213483146067415</v>
      </c>
      <c r="F12" s="107">
        <v>0.1797752808988764</v>
      </c>
      <c r="G12" s="107">
        <v>0.1198501872659176</v>
      </c>
      <c r="H12" s="107">
        <v>7.116104868913857E-2</v>
      </c>
      <c r="I12" s="108">
        <v>5.9925093632958802E-2</v>
      </c>
      <c r="J12" s="109">
        <v>1</v>
      </c>
      <c r="K12" s="415"/>
      <c r="L12" s="415"/>
    </row>
    <row r="13" spans="1:12" ht="19.95" customHeight="1" x14ac:dyDescent="0.2">
      <c r="A13" s="391"/>
      <c r="B13" s="415"/>
      <c r="C13" s="415"/>
      <c r="D13" s="415"/>
      <c r="E13" s="415"/>
      <c r="F13" s="415"/>
      <c r="G13" s="415"/>
      <c r="H13" s="415"/>
      <c r="I13" s="415"/>
      <c r="J13" s="415"/>
    </row>
    <row r="14" spans="1:12" ht="20.100000000000001" customHeight="1" thickBot="1" x14ac:dyDescent="0.25">
      <c r="A14" s="389" t="s">
        <v>347</v>
      </c>
      <c r="G14" s="389" t="s">
        <v>81</v>
      </c>
    </row>
    <row r="15" spans="1:12" ht="20.100000000000001" customHeight="1" thickBot="1" x14ac:dyDescent="0.25">
      <c r="A15" s="392" t="s">
        <v>158</v>
      </c>
      <c r="B15" s="393" t="s">
        <v>338</v>
      </c>
      <c r="C15" s="393" t="s">
        <v>339</v>
      </c>
      <c r="D15" s="393" t="s">
        <v>340</v>
      </c>
      <c r="E15" s="393" t="s">
        <v>341</v>
      </c>
      <c r="F15" s="393" t="s">
        <v>342</v>
      </c>
      <c r="G15" s="393" t="s">
        <v>345</v>
      </c>
      <c r="H15" s="394" t="s">
        <v>343</v>
      </c>
      <c r="I15" s="395" t="s">
        <v>344</v>
      </c>
      <c r="J15" s="396" t="s">
        <v>66</v>
      </c>
    </row>
    <row r="16" spans="1:12" ht="20.100000000000001" customHeight="1" thickTop="1" x14ac:dyDescent="0.2">
      <c r="A16" s="397" t="s">
        <v>79</v>
      </c>
      <c r="B16" s="416">
        <v>6</v>
      </c>
      <c r="C16" s="416">
        <v>4</v>
      </c>
      <c r="D16" s="416">
        <v>19</v>
      </c>
      <c r="E16" s="416">
        <v>28</v>
      </c>
      <c r="F16" s="416">
        <v>19</v>
      </c>
      <c r="G16" s="416">
        <v>16</v>
      </c>
      <c r="H16" s="417">
        <v>11</v>
      </c>
      <c r="I16" s="400">
        <v>6</v>
      </c>
      <c r="J16" s="401">
        <v>109</v>
      </c>
    </row>
    <row r="17" spans="1:12" ht="20.100000000000001" customHeight="1" x14ac:dyDescent="0.2">
      <c r="A17" s="402" t="s">
        <v>80</v>
      </c>
      <c r="B17" s="403">
        <v>4</v>
      </c>
      <c r="C17" s="403">
        <v>2</v>
      </c>
      <c r="D17" s="403">
        <v>6</v>
      </c>
      <c r="E17" s="403">
        <v>10</v>
      </c>
      <c r="F17" s="403">
        <v>7</v>
      </c>
      <c r="G17" s="403">
        <v>4</v>
      </c>
      <c r="H17" s="403">
        <v>0</v>
      </c>
      <c r="I17" s="404">
        <v>2</v>
      </c>
      <c r="J17" s="418">
        <v>35</v>
      </c>
    </row>
    <row r="18" spans="1:12" ht="20.100000000000001" customHeight="1" x14ac:dyDescent="0.2">
      <c r="A18" s="402" t="s">
        <v>0</v>
      </c>
      <c r="B18" s="403">
        <v>1</v>
      </c>
      <c r="C18" s="403">
        <v>0</v>
      </c>
      <c r="D18" s="403">
        <v>7</v>
      </c>
      <c r="E18" s="403">
        <v>11</v>
      </c>
      <c r="F18" s="403">
        <v>5</v>
      </c>
      <c r="G18" s="403">
        <v>1</v>
      </c>
      <c r="H18" s="403">
        <v>1</v>
      </c>
      <c r="I18" s="404">
        <v>1</v>
      </c>
      <c r="J18" s="418">
        <v>27</v>
      </c>
    </row>
    <row r="19" spans="1:12" ht="20.100000000000001" customHeight="1" x14ac:dyDescent="0.2">
      <c r="A19" s="402" t="s">
        <v>3</v>
      </c>
      <c r="B19" s="403">
        <v>0</v>
      </c>
      <c r="C19" s="403">
        <v>0</v>
      </c>
      <c r="D19" s="403">
        <v>3</v>
      </c>
      <c r="E19" s="403">
        <v>6</v>
      </c>
      <c r="F19" s="403">
        <v>3</v>
      </c>
      <c r="G19" s="403">
        <v>2</v>
      </c>
      <c r="H19" s="403">
        <v>2</v>
      </c>
      <c r="I19" s="404">
        <v>0</v>
      </c>
      <c r="J19" s="418">
        <v>16</v>
      </c>
    </row>
    <row r="20" spans="1:12" ht="20.100000000000001" customHeight="1" x14ac:dyDescent="0.2">
      <c r="A20" s="402" t="s">
        <v>1</v>
      </c>
      <c r="B20" s="403">
        <v>0</v>
      </c>
      <c r="C20" s="403">
        <v>3</v>
      </c>
      <c r="D20" s="403">
        <v>4</v>
      </c>
      <c r="E20" s="403">
        <v>7</v>
      </c>
      <c r="F20" s="403">
        <v>4</v>
      </c>
      <c r="G20" s="403">
        <v>3</v>
      </c>
      <c r="H20" s="403">
        <v>2</v>
      </c>
      <c r="I20" s="404">
        <v>3</v>
      </c>
      <c r="J20" s="418">
        <v>26</v>
      </c>
    </row>
    <row r="21" spans="1:12" ht="20.100000000000001" customHeight="1" x14ac:dyDescent="0.2">
      <c r="A21" s="402" t="s">
        <v>2</v>
      </c>
      <c r="B21" s="403">
        <v>2</v>
      </c>
      <c r="C21" s="403">
        <v>0</v>
      </c>
      <c r="D21" s="403">
        <v>1</v>
      </c>
      <c r="E21" s="403">
        <v>4</v>
      </c>
      <c r="F21" s="403">
        <v>2</v>
      </c>
      <c r="G21" s="403">
        <v>0</v>
      </c>
      <c r="H21" s="403">
        <v>0</v>
      </c>
      <c r="I21" s="404">
        <v>0</v>
      </c>
      <c r="J21" s="418">
        <v>9</v>
      </c>
    </row>
    <row r="22" spans="1:12" ht="20.100000000000001" customHeight="1" x14ac:dyDescent="0.2">
      <c r="A22" s="402" t="s">
        <v>5</v>
      </c>
      <c r="B22" s="403">
        <v>4</v>
      </c>
      <c r="C22" s="403">
        <v>1</v>
      </c>
      <c r="D22" s="403">
        <v>6</v>
      </c>
      <c r="E22" s="403">
        <v>8</v>
      </c>
      <c r="F22" s="403">
        <v>5</v>
      </c>
      <c r="G22" s="403">
        <v>6</v>
      </c>
      <c r="H22" s="419">
        <v>3</v>
      </c>
      <c r="I22" s="404">
        <v>2</v>
      </c>
      <c r="J22" s="418">
        <v>35</v>
      </c>
    </row>
    <row r="23" spans="1:12" ht="20.100000000000001" customHeight="1" thickBot="1" x14ac:dyDescent="0.25">
      <c r="A23" s="406" t="s">
        <v>4</v>
      </c>
      <c r="B23" s="420">
        <v>0</v>
      </c>
      <c r="C23" s="420">
        <v>0</v>
      </c>
      <c r="D23" s="420">
        <v>1</v>
      </c>
      <c r="E23" s="420">
        <v>4</v>
      </c>
      <c r="F23" s="420">
        <v>3</v>
      </c>
      <c r="G23" s="420">
        <v>0</v>
      </c>
      <c r="H23" s="420">
        <v>0</v>
      </c>
      <c r="I23" s="409">
        <v>2</v>
      </c>
      <c r="J23" s="421">
        <v>10</v>
      </c>
    </row>
    <row r="24" spans="1:12" ht="20.100000000000001" customHeight="1" thickTop="1" thickBot="1" x14ac:dyDescent="0.25">
      <c r="A24" s="411" t="s">
        <v>122</v>
      </c>
      <c r="B24" s="422">
        <v>17</v>
      </c>
      <c r="C24" s="422">
        <v>10</v>
      </c>
      <c r="D24" s="422">
        <v>47</v>
      </c>
      <c r="E24" s="422">
        <v>78</v>
      </c>
      <c r="F24" s="422">
        <v>48</v>
      </c>
      <c r="G24" s="422">
        <v>32</v>
      </c>
      <c r="H24" s="422">
        <v>19</v>
      </c>
      <c r="I24" s="423">
        <v>16</v>
      </c>
      <c r="J24" s="424">
        <v>267</v>
      </c>
    </row>
    <row r="25" spans="1:12" ht="20.100000000000001" customHeight="1" thickTop="1" thickBot="1" x14ac:dyDescent="0.25">
      <c r="A25" s="106" t="s">
        <v>348</v>
      </c>
      <c r="B25" s="107">
        <v>6.3670411985018729E-2</v>
      </c>
      <c r="C25" s="107">
        <v>3.7453183520599252E-2</v>
      </c>
      <c r="D25" s="107">
        <v>0.17602996254681649</v>
      </c>
      <c r="E25" s="107">
        <v>0.29213483146067415</v>
      </c>
      <c r="F25" s="107">
        <v>0.1797752808988764</v>
      </c>
      <c r="G25" s="107">
        <v>0.1198501872659176</v>
      </c>
      <c r="H25" s="107">
        <v>7.116104868913857E-2</v>
      </c>
      <c r="I25" s="108">
        <v>5.9925093632958802E-2</v>
      </c>
      <c r="J25" s="109">
        <v>1</v>
      </c>
      <c r="K25" s="415"/>
      <c r="L25" s="415"/>
    </row>
    <row r="26" spans="1:12" ht="19.95" customHeight="1" x14ac:dyDescent="0.2"/>
    <row r="27" spans="1:12" ht="19.95" customHeight="1" x14ac:dyDescent="0.2"/>
    <row r="28" spans="1:12" ht="19.95" customHeight="1" x14ac:dyDescent="0.2"/>
    <row r="29" spans="1:12" ht="19.95" customHeight="1" x14ac:dyDescent="0.2"/>
    <row r="30" spans="1:12" ht="19.95" customHeight="1" x14ac:dyDescent="0.2"/>
    <row r="31" spans="1:12" ht="19.95" customHeight="1" x14ac:dyDescent="0.2"/>
    <row r="32" spans="1:12" ht="19.95" customHeight="1" x14ac:dyDescent="0.2"/>
    <row r="33" spans="14:14" ht="19.95" customHeight="1" x14ac:dyDescent="0.2"/>
    <row r="34" spans="14:14" ht="19.95" customHeight="1" x14ac:dyDescent="0.2"/>
    <row r="35" spans="14:14" ht="19.95" customHeight="1" x14ac:dyDescent="0.2">
      <c r="N35" s="415"/>
    </row>
    <row r="36" spans="14:14" ht="19.95" customHeight="1" x14ac:dyDescent="0.2">
      <c r="N36" s="415"/>
    </row>
    <row r="37" spans="14:14" ht="19.95" customHeight="1" x14ac:dyDescent="0.2">
      <c r="N37" s="415"/>
    </row>
    <row r="38" spans="14:14" ht="19.95" customHeight="1" x14ac:dyDescent="0.2">
      <c r="N38" s="415"/>
    </row>
    <row r="39" spans="14:14" ht="19.95" customHeight="1" x14ac:dyDescent="0.2">
      <c r="N39" s="415"/>
    </row>
    <row r="40" spans="14:14" ht="19.95" customHeight="1" x14ac:dyDescent="0.2">
      <c r="N40" s="415"/>
    </row>
    <row r="41" spans="14:14" ht="19.95" customHeight="1" x14ac:dyDescent="0.2">
      <c r="N41" s="415"/>
    </row>
    <row r="42" spans="14:14" ht="19.95" customHeight="1" x14ac:dyDescent="0.2">
      <c r="N42" s="415"/>
    </row>
    <row r="43" spans="14:14" ht="19.95" customHeight="1" x14ac:dyDescent="0.2">
      <c r="N43" s="415"/>
    </row>
    <row r="44" spans="14:14" ht="19.95" customHeight="1" x14ac:dyDescent="0.2">
      <c r="N44" s="415"/>
    </row>
    <row r="45" spans="14:14" ht="19.95" customHeight="1" x14ac:dyDescent="0.2">
      <c r="N45" s="415"/>
    </row>
    <row r="46" spans="14:14" ht="19.95" customHeight="1" x14ac:dyDescent="0.2">
      <c r="N46" s="415"/>
    </row>
  </sheetData>
  <phoneticPr fontId="1"/>
  <pageMargins left="0.82677165354330717" right="0.43307086614173229" top="0.78740157480314965" bottom="0.74803149606299213" header="0.31496062992125984" footer="0.31496062992125984"/>
  <pageSetup paperSize="9" scale="60" fitToHeight="0" orientation="landscape" r:id="rId1"/>
  <headerFooter>
    <oddFooter>&amp;C&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Q37"/>
  <sheetViews>
    <sheetView showWhiteSpace="0" view="pageBreakPreview" zoomScale="80" zoomScaleNormal="100" zoomScaleSheetLayoutView="80" zoomScalePageLayoutView="50" workbookViewId="0">
      <selection activeCell="B1" sqref="B1"/>
    </sheetView>
  </sheetViews>
  <sheetFormatPr defaultColWidth="14.59765625" defaultRowHeight="20.100000000000001" customHeight="1" x14ac:dyDescent="0.2"/>
  <cols>
    <col min="1" max="1" width="3.8984375" style="163" customWidth="1"/>
    <col min="2" max="2" width="14.59765625" style="173"/>
    <col min="3" max="16384" width="14.59765625" style="163"/>
  </cols>
  <sheetData>
    <row r="1" spans="1:17" ht="20.100000000000001" customHeight="1" x14ac:dyDescent="0.2">
      <c r="A1" s="167" t="s">
        <v>211</v>
      </c>
      <c r="B1" s="168" t="s">
        <v>212</v>
      </c>
    </row>
    <row r="2" spans="1:17" ht="20.100000000000001" customHeight="1" x14ac:dyDescent="0.2">
      <c r="B2" s="168" t="s">
        <v>191</v>
      </c>
    </row>
    <row r="3" spans="1:17" ht="20.100000000000001" customHeight="1" x14ac:dyDescent="0.2">
      <c r="B3" s="168" t="s">
        <v>190</v>
      </c>
      <c r="E3" s="169" t="s">
        <v>172</v>
      </c>
      <c r="F3" s="169"/>
      <c r="G3" s="170"/>
      <c r="J3" s="171"/>
    </row>
    <row r="4" spans="1:17" ht="20.100000000000001" customHeight="1" x14ac:dyDescent="0.2">
      <c r="B4" s="172"/>
      <c r="C4" s="173"/>
      <c r="D4" s="173"/>
      <c r="E4" s="169" t="s">
        <v>94</v>
      </c>
      <c r="F4" s="169" t="s">
        <v>253</v>
      </c>
      <c r="G4" s="170"/>
    </row>
    <row r="5" spans="1:17" ht="20.100000000000001" customHeight="1" thickBot="1" x14ac:dyDescent="0.25">
      <c r="B5" s="174" t="s">
        <v>73</v>
      </c>
      <c r="E5" s="169" t="s">
        <v>87</v>
      </c>
      <c r="F5" s="169" t="s">
        <v>254</v>
      </c>
      <c r="G5" s="170"/>
    </row>
    <row r="6" spans="1:17" ht="20.100000000000001" customHeight="1" x14ac:dyDescent="0.2">
      <c r="B6" s="581" t="s">
        <v>7</v>
      </c>
      <c r="C6" s="583" t="s">
        <v>15</v>
      </c>
      <c r="D6" s="584"/>
      <c r="E6" s="584"/>
      <c r="F6" s="584"/>
      <c r="G6" s="585"/>
      <c r="H6" s="583" t="s">
        <v>16</v>
      </c>
      <c r="I6" s="584"/>
      <c r="J6" s="584"/>
      <c r="K6" s="584"/>
      <c r="L6" s="585"/>
      <c r="M6" s="583" t="s">
        <v>17</v>
      </c>
      <c r="N6" s="584"/>
      <c r="O6" s="584"/>
      <c r="P6" s="584"/>
      <c r="Q6" s="585"/>
    </row>
    <row r="7" spans="1:17" ht="20.100000000000001" customHeight="1" thickBot="1" x14ac:dyDescent="0.25">
      <c r="B7" s="582"/>
      <c r="C7" s="175" t="s">
        <v>255</v>
      </c>
      <c r="D7" s="176" t="s">
        <v>252</v>
      </c>
      <c r="E7" s="176" t="s">
        <v>149</v>
      </c>
      <c r="F7" s="176" t="s">
        <v>213</v>
      </c>
      <c r="G7" s="177" t="s">
        <v>171</v>
      </c>
      <c r="H7" s="175" t="s">
        <v>255</v>
      </c>
      <c r="I7" s="176" t="s">
        <v>252</v>
      </c>
      <c r="J7" s="176" t="s">
        <v>149</v>
      </c>
      <c r="K7" s="176" t="s">
        <v>213</v>
      </c>
      <c r="L7" s="177" t="s">
        <v>171</v>
      </c>
      <c r="M7" s="175" t="s">
        <v>255</v>
      </c>
      <c r="N7" s="176" t="s">
        <v>252</v>
      </c>
      <c r="O7" s="176" t="s">
        <v>149</v>
      </c>
      <c r="P7" s="176" t="s">
        <v>213</v>
      </c>
      <c r="Q7" s="177" t="s">
        <v>171</v>
      </c>
    </row>
    <row r="8" spans="1:17" ht="20.100000000000001" customHeight="1" thickTop="1" x14ac:dyDescent="0.2">
      <c r="B8" s="178" t="s">
        <v>89</v>
      </c>
      <c r="C8" s="118">
        <v>1834</v>
      </c>
      <c r="D8" s="179">
        <v>1862</v>
      </c>
      <c r="E8" s="180">
        <v>1848</v>
      </c>
      <c r="F8" s="179">
        <v>303</v>
      </c>
      <c r="G8" s="86">
        <v>0.16396103896103897</v>
      </c>
      <c r="H8" s="118">
        <v>1317</v>
      </c>
      <c r="I8" s="179">
        <v>1324</v>
      </c>
      <c r="J8" s="180">
        <v>1320.5</v>
      </c>
      <c r="K8" s="179">
        <v>205</v>
      </c>
      <c r="L8" s="86">
        <v>0.15524422567209389</v>
      </c>
      <c r="M8" s="118">
        <v>517</v>
      </c>
      <c r="N8" s="179">
        <v>538</v>
      </c>
      <c r="O8" s="180">
        <v>527.5</v>
      </c>
      <c r="P8" s="179">
        <v>98</v>
      </c>
      <c r="Q8" s="89">
        <v>0.18578199052132702</v>
      </c>
    </row>
    <row r="9" spans="1:17" ht="20.100000000000001" customHeight="1" x14ac:dyDescent="0.2">
      <c r="B9" s="181" t="s">
        <v>90</v>
      </c>
      <c r="C9" s="112">
        <v>6177</v>
      </c>
      <c r="D9" s="182">
        <v>6210</v>
      </c>
      <c r="E9" s="180">
        <v>6193.5</v>
      </c>
      <c r="F9" s="179">
        <v>1141</v>
      </c>
      <c r="G9" s="86">
        <v>0.18422539759425205</v>
      </c>
      <c r="H9" s="112">
        <v>4857</v>
      </c>
      <c r="I9" s="182">
        <v>4861</v>
      </c>
      <c r="J9" s="180">
        <v>4859</v>
      </c>
      <c r="K9" s="182">
        <v>845</v>
      </c>
      <c r="L9" s="86">
        <v>0.17390409549289979</v>
      </c>
      <c r="M9" s="112">
        <v>1320</v>
      </c>
      <c r="N9" s="182">
        <v>1349</v>
      </c>
      <c r="O9" s="180">
        <v>1334.5</v>
      </c>
      <c r="P9" s="182">
        <v>296</v>
      </c>
      <c r="Q9" s="68">
        <v>0.22180591982015735</v>
      </c>
    </row>
    <row r="10" spans="1:17" ht="20.100000000000001" customHeight="1" x14ac:dyDescent="0.2">
      <c r="B10" s="181" t="s">
        <v>91</v>
      </c>
      <c r="C10" s="112">
        <v>5416</v>
      </c>
      <c r="D10" s="182">
        <v>5333</v>
      </c>
      <c r="E10" s="180">
        <v>5374.5</v>
      </c>
      <c r="F10" s="179">
        <v>1014</v>
      </c>
      <c r="G10" s="86">
        <v>0.18866871336868546</v>
      </c>
      <c r="H10" s="112">
        <v>4673</v>
      </c>
      <c r="I10" s="182">
        <v>4557</v>
      </c>
      <c r="J10" s="180">
        <v>4615</v>
      </c>
      <c r="K10" s="182">
        <v>825</v>
      </c>
      <c r="L10" s="86">
        <v>0.17876489707475623</v>
      </c>
      <c r="M10" s="112">
        <v>743</v>
      </c>
      <c r="N10" s="182">
        <v>776</v>
      </c>
      <c r="O10" s="180">
        <v>759.5</v>
      </c>
      <c r="P10" s="182">
        <v>189</v>
      </c>
      <c r="Q10" s="68">
        <v>0.24884792626728111</v>
      </c>
    </row>
    <row r="11" spans="1:17" ht="20.100000000000001" customHeight="1" x14ac:dyDescent="0.2">
      <c r="B11" s="181" t="s">
        <v>92</v>
      </c>
      <c r="C11" s="112">
        <v>6322</v>
      </c>
      <c r="D11" s="182">
        <v>6452</v>
      </c>
      <c r="E11" s="180">
        <v>6387</v>
      </c>
      <c r="F11" s="179">
        <v>940</v>
      </c>
      <c r="G11" s="86">
        <v>0.14717394708000625</v>
      </c>
      <c r="H11" s="112">
        <v>5722</v>
      </c>
      <c r="I11" s="182">
        <v>5872</v>
      </c>
      <c r="J11" s="180">
        <v>5797</v>
      </c>
      <c r="K11" s="182">
        <v>822</v>
      </c>
      <c r="L11" s="86">
        <v>0.14179748145592547</v>
      </c>
      <c r="M11" s="112">
        <v>600</v>
      </c>
      <c r="N11" s="182">
        <v>580</v>
      </c>
      <c r="O11" s="180">
        <v>590</v>
      </c>
      <c r="P11" s="182">
        <v>118</v>
      </c>
      <c r="Q11" s="68">
        <v>0.2</v>
      </c>
    </row>
    <row r="12" spans="1:17" ht="20.100000000000001" customHeight="1" x14ac:dyDescent="0.2">
      <c r="B12" s="181" t="s">
        <v>93</v>
      </c>
      <c r="C12" s="112">
        <v>6288</v>
      </c>
      <c r="D12" s="182">
        <v>6028</v>
      </c>
      <c r="E12" s="180">
        <v>6158</v>
      </c>
      <c r="F12" s="179">
        <v>746</v>
      </c>
      <c r="G12" s="86">
        <v>0.12114322832088341</v>
      </c>
      <c r="H12" s="112">
        <v>5787</v>
      </c>
      <c r="I12" s="182">
        <v>5518</v>
      </c>
      <c r="J12" s="180">
        <v>5652.5</v>
      </c>
      <c r="K12" s="182">
        <v>694</v>
      </c>
      <c r="L12" s="86">
        <v>0.12277753206545776</v>
      </c>
      <c r="M12" s="112">
        <v>501</v>
      </c>
      <c r="N12" s="182">
        <v>510</v>
      </c>
      <c r="O12" s="180">
        <v>505.5</v>
      </c>
      <c r="P12" s="182">
        <v>52</v>
      </c>
      <c r="Q12" s="68">
        <v>0.10286844708209693</v>
      </c>
    </row>
    <row r="13" spans="1:17" s="131" customFormat="1" ht="20.100000000000001" customHeight="1" thickBot="1" x14ac:dyDescent="0.25">
      <c r="B13" s="183" t="s">
        <v>13</v>
      </c>
      <c r="C13" s="184">
        <v>15115</v>
      </c>
      <c r="D13" s="185">
        <v>14507</v>
      </c>
      <c r="E13" s="186">
        <v>14811</v>
      </c>
      <c r="F13" s="187">
        <v>1785</v>
      </c>
      <c r="G13" s="188">
        <v>0.12051853352238201</v>
      </c>
      <c r="H13" s="184">
        <v>14544</v>
      </c>
      <c r="I13" s="185">
        <v>13935</v>
      </c>
      <c r="J13" s="186">
        <v>14239.5</v>
      </c>
      <c r="K13" s="185">
        <v>1692</v>
      </c>
      <c r="L13" s="188">
        <v>0.11882439692404929</v>
      </c>
      <c r="M13" s="184">
        <v>571</v>
      </c>
      <c r="N13" s="185">
        <v>572</v>
      </c>
      <c r="O13" s="186">
        <v>571.5</v>
      </c>
      <c r="P13" s="185">
        <v>93</v>
      </c>
      <c r="Q13" s="188">
        <v>0.16272965879265092</v>
      </c>
    </row>
    <row r="14" spans="1:17" ht="20.100000000000001" customHeight="1" thickTop="1" thickBot="1" x14ac:dyDescent="0.25">
      <c r="B14" s="189" t="s">
        <v>18</v>
      </c>
      <c r="C14" s="95">
        <v>41152</v>
      </c>
      <c r="D14" s="96">
        <v>40392</v>
      </c>
      <c r="E14" s="97">
        <v>40772</v>
      </c>
      <c r="F14" s="98">
        <v>5929</v>
      </c>
      <c r="G14" s="88">
        <v>0.14541842440890806</v>
      </c>
      <c r="H14" s="95">
        <v>36900</v>
      </c>
      <c r="I14" s="96">
        <v>36067</v>
      </c>
      <c r="J14" s="97">
        <v>36483.5</v>
      </c>
      <c r="K14" s="98">
        <v>5083</v>
      </c>
      <c r="L14" s="88">
        <v>0.13932325571833842</v>
      </c>
      <c r="M14" s="95">
        <v>4252</v>
      </c>
      <c r="N14" s="96">
        <v>4325</v>
      </c>
      <c r="O14" s="97">
        <v>4288.5</v>
      </c>
      <c r="P14" s="98">
        <v>846</v>
      </c>
      <c r="Q14" s="88">
        <v>0.19727177334732424</v>
      </c>
    </row>
    <row r="16" spans="1:17" ht="20.100000000000001" customHeight="1" thickBot="1" x14ac:dyDescent="0.25">
      <c r="B16" s="174" t="s">
        <v>19</v>
      </c>
    </row>
    <row r="17" spans="2:17" ht="20.100000000000001" customHeight="1" x14ac:dyDescent="0.2">
      <c r="B17" s="581" t="s">
        <v>74</v>
      </c>
      <c r="C17" s="583" t="s">
        <v>15</v>
      </c>
      <c r="D17" s="584"/>
      <c r="E17" s="584"/>
      <c r="F17" s="584"/>
      <c r="G17" s="585"/>
      <c r="H17" s="583" t="s">
        <v>16</v>
      </c>
      <c r="I17" s="584"/>
      <c r="J17" s="584"/>
      <c r="K17" s="584"/>
      <c r="L17" s="585"/>
      <c r="M17" s="583" t="s">
        <v>17</v>
      </c>
      <c r="N17" s="584"/>
      <c r="O17" s="584"/>
      <c r="P17" s="584"/>
      <c r="Q17" s="585"/>
    </row>
    <row r="18" spans="2:17" ht="20.100000000000001" customHeight="1" thickBot="1" x14ac:dyDescent="0.25">
      <c r="B18" s="582"/>
      <c r="C18" s="175" t="s">
        <v>255</v>
      </c>
      <c r="D18" s="176" t="s">
        <v>252</v>
      </c>
      <c r="E18" s="176" t="s">
        <v>149</v>
      </c>
      <c r="F18" s="176" t="s">
        <v>213</v>
      </c>
      <c r="G18" s="177" t="s">
        <v>171</v>
      </c>
      <c r="H18" s="175" t="s">
        <v>255</v>
      </c>
      <c r="I18" s="176" t="s">
        <v>252</v>
      </c>
      <c r="J18" s="176" t="s">
        <v>149</v>
      </c>
      <c r="K18" s="176" t="s">
        <v>213</v>
      </c>
      <c r="L18" s="177" t="s">
        <v>171</v>
      </c>
      <c r="M18" s="175" t="s">
        <v>255</v>
      </c>
      <c r="N18" s="176" t="s">
        <v>252</v>
      </c>
      <c r="O18" s="176" t="s">
        <v>149</v>
      </c>
      <c r="P18" s="176" t="s">
        <v>213</v>
      </c>
      <c r="Q18" s="177" t="s">
        <v>171</v>
      </c>
    </row>
    <row r="19" spans="2:17" ht="20.100000000000001" customHeight="1" thickTop="1" x14ac:dyDescent="0.2">
      <c r="B19" s="178" t="s">
        <v>20</v>
      </c>
      <c r="C19" s="110">
        <v>344</v>
      </c>
      <c r="D19" s="190">
        <v>335</v>
      </c>
      <c r="E19" s="191">
        <v>339.5</v>
      </c>
      <c r="F19" s="192">
        <v>28</v>
      </c>
      <c r="G19" s="86">
        <v>8.247422680412371E-2</v>
      </c>
      <c r="H19" s="118">
        <v>320</v>
      </c>
      <c r="I19" s="179">
        <v>311</v>
      </c>
      <c r="J19" s="180">
        <v>315.5</v>
      </c>
      <c r="K19" s="179">
        <v>26</v>
      </c>
      <c r="L19" s="86">
        <v>8.2408874801901746E-2</v>
      </c>
      <c r="M19" s="118">
        <v>24</v>
      </c>
      <c r="N19" s="179">
        <v>24</v>
      </c>
      <c r="O19" s="180">
        <v>24</v>
      </c>
      <c r="P19" s="179">
        <v>2</v>
      </c>
      <c r="Q19" s="86">
        <v>8.3333333333333329E-2</v>
      </c>
    </row>
    <row r="20" spans="2:17" ht="20.100000000000001" customHeight="1" x14ac:dyDescent="0.2">
      <c r="B20" s="181" t="s">
        <v>21</v>
      </c>
      <c r="C20" s="118">
        <v>1331</v>
      </c>
      <c r="D20" s="179">
        <v>1279</v>
      </c>
      <c r="E20" s="180">
        <v>1305</v>
      </c>
      <c r="F20" s="179">
        <v>159</v>
      </c>
      <c r="G20" s="86">
        <v>0.12183908045977011</v>
      </c>
      <c r="H20" s="112">
        <v>1209</v>
      </c>
      <c r="I20" s="182">
        <v>1155</v>
      </c>
      <c r="J20" s="180">
        <v>1182</v>
      </c>
      <c r="K20" s="182">
        <v>141</v>
      </c>
      <c r="L20" s="86">
        <v>0.11928934010152284</v>
      </c>
      <c r="M20" s="112">
        <v>122</v>
      </c>
      <c r="N20" s="182">
        <v>124</v>
      </c>
      <c r="O20" s="180">
        <v>123</v>
      </c>
      <c r="P20" s="182">
        <v>18</v>
      </c>
      <c r="Q20" s="86">
        <v>0.14634146341463414</v>
      </c>
    </row>
    <row r="21" spans="2:17" ht="20.100000000000001" customHeight="1" x14ac:dyDescent="0.2">
      <c r="B21" s="181" t="s">
        <v>22</v>
      </c>
      <c r="C21" s="118">
        <v>37952</v>
      </c>
      <c r="D21" s="179">
        <v>37329</v>
      </c>
      <c r="E21" s="180">
        <v>37640.5</v>
      </c>
      <c r="F21" s="179">
        <v>5540</v>
      </c>
      <c r="G21" s="86">
        <v>0.1471818918452199</v>
      </c>
      <c r="H21" s="112">
        <v>34258</v>
      </c>
      <c r="I21" s="182">
        <v>33540</v>
      </c>
      <c r="J21" s="180">
        <v>33899</v>
      </c>
      <c r="K21" s="182">
        <v>4787</v>
      </c>
      <c r="L21" s="86">
        <v>0.14121360512109501</v>
      </c>
      <c r="M21" s="112">
        <v>3694</v>
      </c>
      <c r="N21" s="182">
        <v>3789</v>
      </c>
      <c r="O21" s="180">
        <v>3741.5</v>
      </c>
      <c r="P21" s="182">
        <v>753</v>
      </c>
      <c r="Q21" s="86">
        <v>0.20125618067619938</v>
      </c>
    </row>
    <row r="22" spans="2:17" ht="20.100000000000001" customHeight="1" thickBot="1" x14ac:dyDescent="0.25">
      <c r="B22" s="193" t="s">
        <v>23</v>
      </c>
      <c r="C22" s="114">
        <v>1525</v>
      </c>
      <c r="D22" s="194">
        <v>1449</v>
      </c>
      <c r="E22" s="195">
        <v>1487</v>
      </c>
      <c r="F22" s="194">
        <v>202</v>
      </c>
      <c r="G22" s="73">
        <v>0.13584398117014124</v>
      </c>
      <c r="H22" s="114">
        <v>1113</v>
      </c>
      <c r="I22" s="194">
        <v>1061</v>
      </c>
      <c r="J22" s="195">
        <v>1087</v>
      </c>
      <c r="K22" s="194">
        <v>129</v>
      </c>
      <c r="L22" s="73">
        <v>0.11867525298988041</v>
      </c>
      <c r="M22" s="114">
        <v>412</v>
      </c>
      <c r="N22" s="194">
        <v>388</v>
      </c>
      <c r="O22" s="195">
        <v>400</v>
      </c>
      <c r="P22" s="194">
        <v>73</v>
      </c>
      <c r="Q22" s="73">
        <v>0.1825</v>
      </c>
    </row>
    <row r="23" spans="2:17" ht="20.100000000000001" customHeight="1" thickTop="1" thickBot="1" x14ac:dyDescent="0.25">
      <c r="B23" s="189" t="s">
        <v>18</v>
      </c>
      <c r="C23" s="95">
        <v>41152</v>
      </c>
      <c r="D23" s="98">
        <v>40392</v>
      </c>
      <c r="E23" s="97">
        <v>40772</v>
      </c>
      <c r="F23" s="98">
        <v>5929</v>
      </c>
      <c r="G23" s="88">
        <v>0.14541842440890806</v>
      </c>
      <c r="H23" s="95">
        <v>36900</v>
      </c>
      <c r="I23" s="96">
        <v>36067</v>
      </c>
      <c r="J23" s="97">
        <v>36483.5</v>
      </c>
      <c r="K23" s="98">
        <v>5083</v>
      </c>
      <c r="L23" s="88">
        <v>0.13932325571833842</v>
      </c>
      <c r="M23" s="95">
        <v>4252</v>
      </c>
      <c r="N23" s="96">
        <v>4325</v>
      </c>
      <c r="O23" s="97">
        <v>4288.5</v>
      </c>
      <c r="P23" s="98">
        <v>846</v>
      </c>
      <c r="Q23" s="88">
        <v>0.19727177334732424</v>
      </c>
    </row>
    <row r="25" spans="2:17" ht="20.100000000000001" customHeight="1" thickBot="1" x14ac:dyDescent="0.25">
      <c r="B25" s="174" t="s">
        <v>24</v>
      </c>
      <c r="H25" s="196"/>
      <c r="I25" s="196"/>
      <c r="J25" s="196"/>
      <c r="K25" s="196"/>
      <c r="L25" s="196"/>
      <c r="M25" s="196"/>
      <c r="N25" s="196"/>
      <c r="O25" s="196"/>
      <c r="P25" s="196"/>
    </row>
    <row r="26" spans="2:17" ht="20.100000000000001" customHeight="1" x14ac:dyDescent="0.2">
      <c r="B26" s="581" t="s">
        <v>25</v>
      </c>
      <c r="C26" s="583" t="s">
        <v>15</v>
      </c>
      <c r="D26" s="584"/>
      <c r="E26" s="584"/>
      <c r="F26" s="584"/>
      <c r="G26" s="585"/>
      <c r="H26" s="583" t="s">
        <v>16</v>
      </c>
      <c r="I26" s="584"/>
      <c r="J26" s="584"/>
      <c r="K26" s="584"/>
      <c r="L26" s="585"/>
      <c r="M26" s="583" t="s">
        <v>17</v>
      </c>
      <c r="N26" s="584"/>
      <c r="O26" s="584"/>
      <c r="P26" s="584"/>
      <c r="Q26" s="585"/>
    </row>
    <row r="27" spans="2:17" ht="20.100000000000001" customHeight="1" thickBot="1" x14ac:dyDescent="0.25">
      <c r="B27" s="582"/>
      <c r="C27" s="175" t="s">
        <v>255</v>
      </c>
      <c r="D27" s="176" t="s">
        <v>252</v>
      </c>
      <c r="E27" s="176" t="s">
        <v>149</v>
      </c>
      <c r="F27" s="176" t="s">
        <v>213</v>
      </c>
      <c r="G27" s="177" t="s">
        <v>171</v>
      </c>
      <c r="H27" s="175" t="s">
        <v>255</v>
      </c>
      <c r="I27" s="176" t="s">
        <v>252</v>
      </c>
      <c r="J27" s="176" t="s">
        <v>149</v>
      </c>
      <c r="K27" s="176" t="s">
        <v>213</v>
      </c>
      <c r="L27" s="177" t="s">
        <v>171</v>
      </c>
      <c r="M27" s="175" t="s">
        <v>255</v>
      </c>
      <c r="N27" s="176" t="s">
        <v>252</v>
      </c>
      <c r="O27" s="176" t="s">
        <v>149</v>
      </c>
      <c r="P27" s="176" t="s">
        <v>213</v>
      </c>
      <c r="Q27" s="177" t="s">
        <v>171</v>
      </c>
    </row>
    <row r="28" spans="2:17" ht="20.100000000000001" customHeight="1" thickTop="1" x14ac:dyDescent="0.2">
      <c r="B28" s="178" t="s">
        <v>26</v>
      </c>
      <c r="C28" s="118">
        <v>19183</v>
      </c>
      <c r="D28" s="179">
        <v>18616</v>
      </c>
      <c r="E28" s="180">
        <v>18899.5</v>
      </c>
      <c r="F28" s="179">
        <v>2647</v>
      </c>
      <c r="G28" s="86">
        <v>0.1400566152543718</v>
      </c>
      <c r="H28" s="118">
        <v>17569</v>
      </c>
      <c r="I28" s="179">
        <v>16935</v>
      </c>
      <c r="J28" s="180">
        <v>17252</v>
      </c>
      <c r="K28" s="179">
        <v>2301</v>
      </c>
      <c r="L28" s="86">
        <v>0.13337584048226292</v>
      </c>
      <c r="M28" s="118">
        <v>1614</v>
      </c>
      <c r="N28" s="179">
        <v>1681</v>
      </c>
      <c r="O28" s="180">
        <v>1647.5</v>
      </c>
      <c r="P28" s="179">
        <v>346</v>
      </c>
      <c r="Q28" s="86">
        <v>0.21001517450682852</v>
      </c>
    </row>
    <row r="29" spans="2:17" ht="20.100000000000001" customHeight="1" x14ac:dyDescent="0.2">
      <c r="B29" s="181" t="s">
        <v>27</v>
      </c>
      <c r="C29" s="112">
        <v>6958</v>
      </c>
      <c r="D29" s="182">
        <v>7123</v>
      </c>
      <c r="E29" s="180">
        <v>7040.5</v>
      </c>
      <c r="F29" s="182">
        <v>1095</v>
      </c>
      <c r="G29" s="86">
        <v>0.15552872665293657</v>
      </c>
      <c r="H29" s="112">
        <v>6198</v>
      </c>
      <c r="I29" s="182">
        <v>6357</v>
      </c>
      <c r="J29" s="180">
        <v>6277.5</v>
      </c>
      <c r="K29" s="182">
        <v>933</v>
      </c>
      <c r="L29" s="86">
        <v>0.14862604540023894</v>
      </c>
      <c r="M29" s="112">
        <v>760</v>
      </c>
      <c r="N29" s="182">
        <v>766</v>
      </c>
      <c r="O29" s="180">
        <v>763</v>
      </c>
      <c r="P29" s="182">
        <v>162</v>
      </c>
      <c r="Q29" s="86">
        <v>0.21231979030144169</v>
      </c>
    </row>
    <row r="30" spans="2:17" ht="20.100000000000001" customHeight="1" x14ac:dyDescent="0.2">
      <c r="B30" s="181" t="s">
        <v>28</v>
      </c>
      <c r="C30" s="112">
        <v>3711</v>
      </c>
      <c r="D30" s="182">
        <v>3552</v>
      </c>
      <c r="E30" s="180">
        <v>3631.5</v>
      </c>
      <c r="F30" s="182">
        <v>525</v>
      </c>
      <c r="G30" s="86">
        <v>0.14456836018174307</v>
      </c>
      <c r="H30" s="112">
        <v>3317</v>
      </c>
      <c r="I30" s="182">
        <v>3180</v>
      </c>
      <c r="J30" s="180">
        <v>3248.5</v>
      </c>
      <c r="K30" s="182">
        <v>434</v>
      </c>
      <c r="L30" s="86">
        <v>0.13360012313375405</v>
      </c>
      <c r="M30" s="112">
        <v>394</v>
      </c>
      <c r="N30" s="182">
        <v>372</v>
      </c>
      <c r="O30" s="180">
        <v>383</v>
      </c>
      <c r="P30" s="182">
        <v>91</v>
      </c>
      <c r="Q30" s="86">
        <v>0.23759791122715404</v>
      </c>
    </row>
    <row r="31" spans="2:17" ht="20.100000000000001" customHeight="1" x14ac:dyDescent="0.2">
      <c r="B31" s="181" t="s">
        <v>29</v>
      </c>
      <c r="C31" s="112">
        <v>2212</v>
      </c>
      <c r="D31" s="182">
        <v>2117</v>
      </c>
      <c r="E31" s="180">
        <v>2164.5</v>
      </c>
      <c r="F31" s="182">
        <v>304</v>
      </c>
      <c r="G31" s="86">
        <v>0.14044814044814044</v>
      </c>
      <c r="H31" s="112">
        <v>1833</v>
      </c>
      <c r="I31" s="182">
        <v>1721</v>
      </c>
      <c r="J31" s="180">
        <v>1777</v>
      </c>
      <c r="K31" s="182">
        <v>245</v>
      </c>
      <c r="L31" s="86">
        <v>0.13787281935846932</v>
      </c>
      <c r="M31" s="112">
        <v>379</v>
      </c>
      <c r="N31" s="182">
        <v>396</v>
      </c>
      <c r="O31" s="180">
        <v>387.5</v>
      </c>
      <c r="P31" s="182">
        <v>59</v>
      </c>
      <c r="Q31" s="86">
        <v>0.15225806451612903</v>
      </c>
    </row>
    <row r="32" spans="2:17" ht="20.100000000000001" customHeight="1" x14ac:dyDescent="0.2">
      <c r="B32" s="181" t="s">
        <v>30</v>
      </c>
      <c r="C32" s="112">
        <v>1767</v>
      </c>
      <c r="D32" s="182">
        <v>1707</v>
      </c>
      <c r="E32" s="180">
        <v>1737</v>
      </c>
      <c r="F32" s="182">
        <v>278</v>
      </c>
      <c r="G32" s="86">
        <v>0.1600460564191134</v>
      </c>
      <c r="H32" s="112">
        <v>1448</v>
      </c>
      <c r="I32" s="182">
        <v>1395</v>
      </c>
      <c r="J32" s="180">
        <v>1421.5</v>
      </c>
      <c r="K32" s="182">
        <v>224</v>
      </c>
      <c r="L32" s="86">
        <v>0.15758002110446712</v>
      </c>
      <c r="M32" s="112">
        <v>319</v>
      </c>
      <c r="N32" s="182">
        <v>312</v>
      </c>
      <c r="O32" s="180">
        <v>315.5</v>
      </c>
      <c r="P32" s="182">
        <v>54</v>
      </c>
      <c r="Q32" s="86">
        <v>0.17115689381933438</v>
      </c>
    </row>
    <row r="33" spans="2:17" ht="20.100000000000001" customHeight="1" x14ac:dyDescent="0.2">
      <c r="B33" s="181" t="s">
        <v>31</v>
      </c>
      <c r="C33" s="112">
        <v>3373</v>
      </c>
      <c r="D33" s="182">
        <v>3328</v>
      </c>
      <c r="E33" s="180">
        <v>3350.5</v>
      </c>
      <c r="F33" s="182">
        <v>423</v>
      </c>
      <c r="G33" s="86">
        <v>0.12624981346067751</v>
      </c>
      <c r="H33" s="112">
        <v>3107</v>
      </c>
      <c r="I33" s="182">
        <v>3053</v>
      </c>
      <c r="J33" s="180">
        <v>3080</v>
      </c>
      <c r="K33" s="182">
        <v>386</v>
      </c>
      <c r="L33" s="86">
        <v>0.12532467532467531</v>
      </c>
      <c r="M33" s="112">
        <v>266</v>
      </c>
      <c r="N33" s="182">
        <v>275</v>
      </c>
      <c r="O33" s="180">
        <v>270.5</v>
      </c>
      <c r="P33" s="182">
        <v>37</v>
      </c>
      <c r="Q33" s="86">
        <v>0.1367837338262477</v>
      </c>
    </row>
    <row r="34" spans="2:17" ht="20.100000000000001" customHeight="1" x14ac:dyDescent="0.2">
      <c r="B34" s="181" t="s">
        <v>32</v>
      </c>
      <c r="C34" s="112">
        <v>3178</v>
      </c>
      <c r="D34" s="182">
        <v>3219</v>
      </c>
      <c r="E34" s="180">
        <v>3198.5</v>
      </c>
      <c r="F34" s="182">
        <v>510</v>
      </c>
      <c r="G34" s="86">
        <v>0.15944974206659371</v>
      </c>
      <c r="H34" s="112">
        <v>2767</v>
      </c>
      <c r="I34" s="182">
        <v>2801</v>
      </c>
      <c r="J34" s="180">
        <v>2784</v>
      </c>
      <c r="K34" s="182">
        <v>446</v>
      </c>
      <c r="L34" s="86">
        <v>0.16020114942528735</v>
      </c>
      <c r="M34" s="112">
        <v>411</v>
      </c>
      <c r="N34" s="182">
        <v>418</v>
      </c>
      <c r="O34" s="180">
        <v>414.5</v>
      </c>
      <c r="P34" s="182">
        <v>64</v>
      </c>
      <c r="Q34" s="86">
        <v>0.15440289505428226</v>
      </c>
    </row>
    <row r="35" spans="2:17" ht="20.100000000000001" customHeight="1" thickBot="1" x14ac:dyDescent="0.25">
      <c r="B35" s="193" t="s">
        <v>33</v>
      </c>
      <c r="C35" s="118">
        <v>770</v>
      </c>
      <c r="D35" s="194">
        <v>730</v>
      </c>
      <c r="E35" s="195">
        <v>750</v>
      </c>
      <c r="F35" s="194">
        <v>147</v>
      </c>
      <c r="G35" s="73">
        <v>0.19600000000000001</v>
      </c>
      <c r="H35" s="114">
        <v>661</v>
      </c>
      <c r="I35" s="194">
        <v>625</v>
      </c>
      <c r="J35" s="195">
        <v>643</v>
      </c>
      <c r="K35" s="194">
        <v>114</v>
      </c>
      <c r="L35" s="73">
        <v>0.17729393468118196</v>
      </c>
      <c r="M35" s="114">
        <v>109</v>
      </c>
      <c r="N35" s="194">
        <v>105</v>
      </c>
      <c r="O35" s="195">
        <v>107</v>
      </c>
      <c r="P35" s="194">
        <v>33</v>
      </c>
      <c r="Q35" s="73">
        <v>0.30841121495327101</v>
      </c>
    </row>
    <row r="36" spans="2:17" ht="20.100000000000001" customHeight="1" thickTop="1" thickBot="1" x14ac:dyDescent="0.25">
      <c r="B36" s="189" t="s">
        <v>14</v>
      </c>
      <c r="C36" s="95">
        <v>41152</v>
      </c>
      <c r="D36" s="96">
        <v>40392</v>
      </c>
      <c r="E36" s="97">
        <v>40772</v>
      </c>
      <c r="F36" s="98">
        <v>5929</v>
      </c>
      <c r="G36" s="88">
        <v>0.14541842440890806</v>
      </c>
      <c r="H36" s="95">
        <v>36900</v>
      </c>
      <c r="I36" s="96">
        <v>36067</v>
      </c>
      <c r="J36" s="97">
        <v>36483.5</v>
      </c>
      <c r="K36" s="98">
        <v>5083</v>
      </c>
      <c r="L36" s="88">
        <v>0.13932325571833842</v>
      </c>
      <c r="M36" s="95">
        <v>4252</v>
      </c>
      <c r="N36" s="96">
        <v>4325</v>
      </c>
      <c r="O36" s="97">
        <v>4288.5</v>
      </c>
      <c r="P36" s="98">
        <v>846</v>
      </c>
      <c r="Q36" s="88">
        <v>0.19727177334732424</v>
      </c>
    </row>
    <row r="37" spans="2:17" ht="20.100000000000001" customHeight="1" x14ac:dyDescent="0.2">
      <c r="C37" s="173"/>
      <c r="D37" s="173"/>
      <c r="E37" s="173"/>
      <c r="F37" s="173"/>
      <c r="H37" s="196"/>
      <c r="I37" s="196"/>
      <c r="J37" s="196"/>
      <c r="K37" s="196"/>
      <c r="L37" s="196"/>
      <c r="M37" s="196"/>
      <c r="N37" s="196"/>
      <c r="O37" s="196"/>
      <c r="P37" s="196"/>
    </row>
  </sheetData>
  <mergeCells count="12">
    <mergeCell ref="B26:B27"/>
    <mergeCell ref="C26:G26"/>
    <mergeCell ref="H26:L26"/>
    <mergeCell ref="M26:Q26"/>
    <mergeCell ref="B6:B7"/>
    <mergeCell ref="C6:G6"/>
    <mergeCell ref="H6:L6"/>
    <mergeCell ref="M6:Q6"/>
    <mergeCell ref="B17:B18"/>
    <mergeCell ref="C17:G17"/>
    <mergeCell ref="H17:L17"/>
    <mergeCell ref="M17:Q17"/>
  </mergeCells>
  <phoneticPr fontId="1"/>
  <printOptions horizontalCentered="1"/>
  <pageMargins left="0.23622047244094491" right="0.23622047244094491" top="0.74803149606299213" bottom="0.74803149606299213" header="0.31496062992125984" footer="0.31496062992125984"/>
  <pageSetup paperSize="9" scale="56" orientation="landscape" r:id="rId1"/>
  <headerFooter>
    <oddFooter>&amp;C&amp;P</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36"/>
  <sheetViews>
    <sheetView showWhiteSpace="0" view="pageBreakPreview" zoomScale="80" zoomScaleNormal="40" zoomScaleSheetLayoutView="80" zoomScalePageLayoutView="50" workbookViewId="0">
      <selection activeCell="B1" sqref="B1"/>
    </sheetView>
  </sheetViews>
  <sheetFormatPr defaultColWidth="14.59765625" defaultRowHeight="20.100000000000001" customHeight="1" x14ac:dyDescent="0.2"/>
  <cols>
    <col min="1" max="1" width="14.59765625" style="525"/>
    <col min="2" max="16384" width="14.59765625" style="505"/>
  </cols>
  <sheetData>
    <row r="1" spans="1:16" ht="20.100000000000001" customHeight="1" x14ac:dyDescent="0.2">
      <c r="A1" s="168" t="s">
        <v>191</v>
      </c>
    </row>
    <row r="2" spans="1:16" ht="20.100000000000001" customHeight="1" x14ac:dyDescent="0.2">
      <c r="A2" s="168" t="s">
        <v>192</v>
      </c>
      <c r="D2" s="169" t="s">
        <v>88</v>
      </c>
      <c r="E2" s="169"/>
      <c r="I2" s="171"/>
    </row>
    <row r="3" spans="1:16" ht="20.100000000000001" customHeight="1" x14ac:dyDescent="0.2">
      <c r="A3" s="197"/>
      <c r="D3" s="169" t="s">
        <v>94</v>
      </c>
      <c r="E3" s="169" t="s">
        <v>253</v>
      </c>
    </row>
    <row r="4" spans="1:16" ht="20.100000000000001" customHeight="1" thickBot="1" x14ac:dyDescent="0.25">
      <c r="A4" s="174" t="s">
        <v>194</v>
      </c>
      <c r="D4" s="169" t="s">
        <v>87</v>
      </c>
      <c r="E4" s="169" t="s">
        <v>254</v>
      </c>
    </row>
    <row r="5" spans="1:16" ht="20.100000000000001" customHeight="1" x14ac:dyDescent="0.2">
      <c r="A5" s="581" t="s">
        <v>7</v>
      </c>
      <c r="B5" s="583" t="s">
        <v>15</v>
      </c>
      <c r="C5" s="584"/>
      <c r="D5" s="584"/>
      <c r="E5" s="584"/>
      <c r="F5" s="585"/>
      <c r="G5" s="583" t="s">
        <v>16</v>
      </c>
      <c r="H5" s="584"/>
      <c r="I5" s="584"/>
      <c r="J5" s="584"/>
      <c r="K5" s="585"/>
      <c r="L5" s="583" t="s">
        <v>17</v>
      </c>
      <c r="M5" s="584"/>
      <c r="N5" s="584"/>
      <c r="O5" s="584"/>
      <c r="P5" s="585"/>
    </row>
    <row r="6" spans="1:16" ht="20.100000000000001" customHeight="1" thickBot="1" x14ac:dyDescent="0.25">
      <c r="A6" s="582"/>
      <c r="B6" s="175" t="s">
        <v>255</v>
      </c>
      <c r="C6" s="176" t="s">
        <v>252</v>
      </c>
      <c r="D6" s="176" t="s">
        <v>149</v>
      </c>
      <c r="E6" s="176" t="s">
        <v>213</v>
      </c>
      <c r="F6" s="177" t="s">
        <v>171</v>
      </c>
      <c r="G6" s="175" t="s">
        <v>255</v>
      </c>
      <c r="H6" s="176" t="s">
        <v>252</v>
      </c>
      <c r="I6" s="176" t="s">
        <v>149</v>
      </c>
      <c r="J6" s="176" t="s">
        <v>213</v>
      </c>
      <c r="K6" s="177" t="s">
        <v>171</v>
      </c>
      <c r="L6" s="175" t="s">
        <v>255</v>
      </c>
      <c r="M6" s="176" t="s">
        <v>252</v>
      </c>
      <c r="N6" s="176" t="s">
        <v>149</v>
      </c>
      <c r="O6" s="176" t="s">
        <v>213</v>
      </c>
      <c r="P6" s="177" t="s">
        <v>171</v>
      </c>
    </row>
    <row r="7" spans="1:16" ht="20.100000000000001" customHeight="1" thickTop="1" x14ac:dyDescent="0.2">
      <c r="A7" s="178" t="s">
        <v>89</v>
      </c>
      <c r="B7" s="118">
        <v>13</v>
      </c>
      <c r="C7" s="179">
        <v>11</v>
      </c>
      <c r="D7" s="198">
        <v>12</v>
      </c>
      <c r="E7" s="190">
        <v>2</v>
      </c>
      <c r="F7" s="86">
        <v>0.16666666666666666</v>
      </c>
      <c r="G7" s="182">
        <v>13</v>
      </c>
      <c r="H7" s="182">
        <v>11</v>
      </c>
      <c r="I7" s="180">
        <v>12</v>
      </c>
      <c r="J7" s="182">
        <v>2</v>
      </c>
      <c r="K7" s="86">
        <v>0.16666666666666666</v>
      </c>
      <c r="L7" s="182">
        <v>0</v>
      </c>
      <c r="M7" s="182">
        <v>0</v>
      </c>
      <c r="N7" s="180">
        <v>0</v>
      </c>
      <c r="O7" s="182">
        <v>0</v>
      </c>
      <c r="P7" s="506" t="s">
        <v>367</v>
      </c>
    </row>
    <row r="8" spans="1:16" ht="20.100000000000001" customHeight="1" x14ac:dyDescent="0.2">
      <c r="A8" s="181" t="s">
        <v>90</v>
      </c>
      <c r="B8" s="112">
        <v>27</v>
      </c>
      <c r="C8" s="182">
        <v>25</v>
      </c>
      <c r="D8" s="180">
        <v>26</v>
      </c>
      <c r="E8" s="179">
        <v>11</v>
      </c>
      <c r="F8" s="86">
        <v>0.42307692307692307</v>
      </c>
      <c r="G8" s="182">
        <v>25</v>
      </c>
      <c r="H8" s="182">
        <v>23</v>
      </c>
      <c r="I8" s="180">
        <v>24</v>
      </c>
      <c r="J8" s="182">
        <v>11</v>
      </c>
      <c r="K8" s="86">
        <v>0.45833333333333331</v>
      </c>
      <c r="L8" s="182">
        <v>2</v>
      </c>
      <c r="M8" s="182">
        <v>2</v>
      </c>
      <c r="N8" s="180">
        <v>2</v>
      </c>
      <c r="O8" s="182">
        <v>0</v>
      </c>
      <c r="P8" s="68">
        <v>0</v>
      </c>
    </row>
    <row r="9" spans="1:16" ht="20.100000000000001" customHeight="1" x14ac:dyDescent="0.2">
      <c r="A9" s="181" t="s">
        <v>91</v>
      </c>
      <c r="B9" s="112">
        <v>46</v>
      </c>
      <c r="C9" s="182">
        <v>47</v>
      </c>
      <c r="D9" s="180">
        <v>46.5</v>
      </c>
      <c r="E9" s="179">
        <v>9</v>
      </c>
      <c r="F9" s="86">
        <v>0.19354838709677419</v>
      </c>
      <c r="G9" s="182">
        <v>46</v>
      </c>
      <c r="H9" s="182">
        <v>46</v>
      </c>
      <c r="I9" s="180">
        <v>46</v>
      </c>
      <c r="J9" s="182">
        <v>9</v>
      </c>
      <c r="K9" s="86">
        <v>0.19565217391304349</v>
      </c>
      <c r="L9" s="182">
        <v>0</v>
      </c>
      <c r="M9" s="182">
        <v>1</v>
      </c>
      <c r="N9" s="180">
        <v>0.5</v>
      </c>
      <c r="O9" s="182">
        <v>0</v>
      </c>
      <c r="P9" s="68">
        <v>0</v>
      </c>
    </row>
    <row r="10" spans="1:16" ht="20.100000000000001" customHeight="1" x14ac:dyDescent="0.2">
      <c r="A10" s="181" t="s">
        <v>92</v>
      </c>
      <c r="B10" s="112">
        <v>14</v>
      </c>
      <c r="C10" s="182">
        <v>12</v>
      </c>
      <c r="D10" s="180">
        <v>13</v>
      </c>
      <c r="E10" s="179">
        <v>3</v>
      </c>
      <c r="F10" s="86">
        <v>0.23076923076923078</v>
      </c>
      <c r="G10" s="182">
        <v>13</v>
      </c>
      <c r="H10" s="182">
        <v>12</v>
      </c>
      <c r="I10" s="180">
        <v>12.5</v>
      </c>
      <c r="J10" s="182">
        <v>1</v>
      </c>
      <c r="K10" s="86">
        <v>0.08</v>
      </c>
      <c r="L10" s="182">
        <v>1</v>
      </c>
      <c r="M10" s="182">
        <v>0</v>
      </c>
      <c r="N10" s="180">
        <v>0.5</v>
      </c>
      <c r="O10" s="182">
        <v>2</v>
      </c>
      <c r="P10" s="68">
        <v>4</v>
      </c>
    </row>
    <row r="11" spans="1:16" ht="20.100000000000001" customHeight="1" x14ac:dyDescent="0.2">
      <c r="A11" s="181" t="s">
        <v>93</v>
      </c>
      <c r="B11" s="112">
        <v>12</v>
      </c>
      <c r="C11" s="182">
        <v>10</v>
      </c>
      <c r="D11" s="180">
        <v>11</v>
      </c>
      <c r="E11" s="179">
        <v>0</v>
      </c>
      <c r="F11" s="86">
        <v>0</v>
      </c>
      <c r="G11" s="182">
        <v>12</v>
      </c>
      <c r="H11" s="182">
        <v>10</v>
      </c>
      <c r="I11" s="180">
        <v>11</v>
      </c>
      <c r="J11" s="182">
        <v>0</v>
      </c>
      <c r="K11" s="86">
        <v>0</v>
      </c>
      <c r="L11" s="182">
        <v>0</v>
      </c>
      <c r="M11" s="182">
        <v>0</v>
      </c>
      <c r="N11" s="180">
        <v>0</v>
      </c>
      <c r="O11" s="182">
        <v>0</v>
      </c>
      <c r="P11" s="506" t="s">
        <v>367</v>
      </c>
    </row>
    <row r="12" spans="1:16" ht="20.100000000000001" customHeight="1" thickBot="1" x14ac:dyDescent="0.25">
      <c r="A12" s="193" t="s">
        <v>13</v>
      </c>
      <c r="B12" s="114">
        <v>31</v>
      </c>
      <c r="C12" s="194">
        <v>26</v>
      </c>
      <c r="D12" s="195">
        <v>28.5</v>
      </c>
      <c r="E12" s="179">
        <v>4</v>
      </c>
      <c r="F12" s="73">
        <v>0.14035087719298245</v>
      </c>
      <c r="G12" s="182">
        <v>30</v>
      </c>
      <c r="H12" s="182">
        <v>25</v>
      </c>
      <c r="I12" s="195">
        <v>27.5</v>
      </c>
      <c r="J12" s="182">
        <v>4</v>
      </c>
      <c r="K12" s="73">
        <v>0.14545454545454545</v>
      </c>
      <c r="L12" s="182">
        <v>1</v>
      </c>
      <c r="M12" s="182">
        <v>1</v>
      </c>
      <c r="N12" s="195">
        <v>1</v>
      </c>
      <c r="O12" s="182">
        <v>0</v>
      </c>
      <c r="P12" s="68">
        <v>0</v>
      </c>
    </row>
    <row r="13" spans="1:16" ht="20.100000000000001" customHeight="1" thickTop="1" thickBot="1" x14ac:dyDescent="0.25">
      <c r="A13" s="189" t="s">
        <v>18</v>
      </c>
      <c r="B13" s="95">
        <v>143</v>
      </c>
      <c r="C13" s="96">
        <v>131</v>
      </c>
      <c r="D13" s="97">
        <v>137</v>
      </c>
      <c r="E13" s="98">
        <v>29</v>
      </c>
      <c r="F13" s="88">
        <v>0.21167883211678831</v>
      </c>
      <c r="G13" s="95">
        <v>139</v>
      </c>
      <c r="H13" s="96">
        <v>127</v>
      </c>
      <c r="I13" s="97">
        <v>133</v>
      </c>
      <c r="J13" s="98">
        <v>27</v>
      </c>
      <c r="K13" s="88">
        <v>0.20300751879699247</v>
      </c>
      <c r="L13" s="95">
        <v>4</v>
      </c>
      <c r="M13" s="96">
        <v>4</v>
      </c>
      <c r="N13" s="97">
        <v>4</v>
      </c>
      <c r="O13" s="98">
        <v>2</v>
      </c>
      <c r="P13" s="88">
        <v>0.5</v>
      </c>
    </row>
    <row r="15" spans="1:16" ht="20.100000000000001" customHeight="1" thickBot="1" x14ac:dyDescent="0.25">
      <c r="A15" s="174" t="s">
        <v>19</v>
      </c>
    </row>
    <row r="16" spans="1:16" ht="20.100000000000001" customHeight="1" x14ac:dyDescent="0.2">
      <c r="A16" s="581" t="s">
        <v>74</v>
      </c>
      <c r="B16" s="583" t="s">
        <v>15</v>
      </c>
      <c r="C16" s="584"/>
      <c r="D16" s="584"/>
      <c r="E16" s="584"/>
      <c r="F16" s="585"/>
      <c r="G16" s="583" t="s">
        <v>16</v>
      </c>
      <c r="H16" s="584"/>
      <c r="I16" s="584"/>
      <c r="J16" s="584"/>
      <c r="K16" s="585"/>
      <c r="L16" s="583" t="s">
        <v>17</v>
      </c>
      <c r="M16" s="584"/>
      <c r="N16" s="584"/>
      <c r="O16" s="584"/>
      <c r="P16" s="585"/>
    </row>
    <row r="17" spans="1:16" ht="20.100000000000001" customHeight="1" thickBot="1" x14ac:dyDescent="0.25">
      <c r="A17" s="582"/>
      <c r="B17" s="175" t="s">
        <v>255</v>
      </c>
      <c r="C17" s="176" t="s">
        <v>252</v>
      </c>
      <c r="D17" s="176" t="s">
        <v>149</v>
      </c>
      <c r="E17" s="176" t="s">
        <v>213</v>
      </c>
      <c r="F17" s="177" t="s">
        <v>171</v>
      </c>
      <c r="G17" s="175" t="s">
        <v>255</v>
      </c>
      <c r="H17" s="176" t="s">
        <v>252</v>
      </c>
      <c r="I17" s="176" t="s">
        <v>149</v>
      </c>
      <c r="J17" s="176" t="s">
        <v>213</v>
      </c>
      <c r="K17" s="177" t="s">
        <v>171</v>
      </c>
      <c r="L17" s="175" t="s">
        <v>255</v>
      </c>
      <c r="M17" s="176" t="s">
        <v>252</v>
      </c>
      <c r="N17" s="176" t="s">
        <v>149</v>
      </c>
      <c r="O17" s="176" t="s">
        <v>213</v>
      </c>
      <c r="P17" s="177" t="s">
        <v>171</v>
      </c>
    </row>
    <row r="18" spans="1:16" ht="20.100000000000001" customHeight="1" thickTop="1" x14ac:dyDescent="0.2">
      <c r="A18" s="178" t="s">
        <v>20</v>
      </c>
      <c r="B18" s="118">
        <v>0</v>
      </c>
      <c r="C18" s="179">
        <v>0</v>
      </c>
      <c r="D18" s="180">
        <v>0</v>
      </c>
      <c r="E18" s="190">
        <v>0</v>
      </c>
      <c r="F18" s="506" t="s">
        <v>381</v>
      </c>
      <c r="G18" s="118">
        <v>0</v>
      </c>
      <c r="H18" s="179">
        <v>0</v>
      </c>
      <c r="I18" s="180">
        <v>0</v>
      </c>
      <c r="J18" s="179">
        <v>0</v>
      </c>
      <c r="K18" s="507" t="s">
        <v>367</v>
      </c>
      <c r="L18" s="118">
        <v>0</v>
      </c>
      <c r="M18" s="179">
        <v>0</v>
      </c>
      <c r="N18" s="180">
        <v>0</v>
      </c>
      <c r="O18" s="179">
        <v>0</v>
      </c>
      <c r="P18" s="507" t="s">
        <v>367</v>
      </c>
    </row>
    <row r="19" spans="1:16" ht="20.100000000000001" customHeight="1" x14ac:dyDescent="0.2">
      <c r="A19" s="181" t="s">
        <v>21</v>
      </c>
      <c r="B19" s="118">
        <v>0</v>
      </c>
      <c r="C19" s="179">
        <v>0</v>
      </c>
      <c r="D19" s="180">
        <v>0</v>
      </c>
      <c r="E19" s="179">
        <v>0</v>
      </c>
      <c r="F19" s="507" t="s">
        <v>381</v>
      </c>
      <c r="G19" s="112">
        <v>0</v>
      </c>
      <c r="H19" s="182">
        <v>0</v>
      </c>
      <c r="I19" s="180">
        <v>0</v>
      </c>
      <c r="J19" s="182">
        <v>0</v>
      </c>
      <c r="K19" s="507" t="s">
        <v>367</v>
      </c>
      <c r="L19" s="112">
        <v>0</v>
      </c>
      <c r="M19" s="182">
        <v>0</v>
      </c>
      <c r="N19" s="180">
        <v>0</v>
      </c>
      <c r="O19" s="182">
        <v>0</v>
      </c>
      <c r="P19" s="507" t="s">
        <v>367</v>
      </c>
    </row>
    <row r="20" spans="1:16" ht="20.100000000000001" customHeight="1" x14ac:dyDescent="0.2">
      <c r="A20" s="181" t="s">
        <v>22</v>
      </c>
      <c r="B20" s="118">
        <v>136</v>
      </c>
      <c r="C20" s="179">
        <v>122</v>
      </c>
      <c r="D20" s="180">
        <v>129</v>
      </c>
      <c r="E20" s="179">
        <v>26</v>
      </c>
      <c r="F20" s="199">
        <v>0.20155038759689922</v>
      </c>
      <c r="G20" s="112">
        <v>132</v>
      </c>
      <c r="H20" s="182">
        <v>118</v>
      </c>
      <c r="I20" s="180">
        <v>125</v>
      </c>
      <c r="J20" s="182">
        <v>24</v>
      </c>
      <c r="K20" s="86">
        <v>0.192</v>
      </c>
      <c r="L20" s="112">
        <v>4</v>
      </c>
      <c r="M20" s="182">
        <v>4</v>
      </c>
      <c r="N20" s="180">
        <v>4</v>
      </c>
      <c r="O20" s="182">
        <v>2</v>
      </c>
      <c r="P20" s="86">
        <v>0.5</v>
      </c>
    </row>
    <row r="21" spans="1:16" ht="20.100000000000001" customHeight="1" thickBot="1" x14ac:dyDescent="0.25">
      <c r="A21" s="193" t="s">
        <v>23</v>
      </c>
      <c r="B21" s="114">
        <v>7</v>
      </c>
      <c r="C21" s="194">
        <v>9</v>
      </c>
      <c r="D21" s="195">
        <v>8</v>
      </c>
      <c r="E21" s="194">
        <v>3</v>
      </c>
      <c r="F21" s="200">
        <v>0.375</v>
      </c>
      <c r="G21" s="114">
        <v>7</v>
      </c>
      <c r="H21" s="194">
        <v>9</v>
      </c>
      <c r="I21" s="195">
        <v>8</v>
      </c>
      <c r="J21" s="194">
        <v>3</v>
      </c>
      <c r="K21" s="73">
        <v>0.375</v>
      </c>
      <c r="L21" s="114">
        <v>0</v>
      </c>
      <c r="M21" s="194">
        <v>0</v>
      </c>
      <c r="N21" s="195">
        <v>0</v>
      </c>
      <c r="O21" s="194">
        <v>0</v>
      </c>
      <c r="P21" s="508" t="s">
        <v>367</v>
      </c>
    </row>
    <row r="22" spans="1:16" ht="20.100000000000001" customHeight="1" thickTop="1" thickBot="1" x14ac:dyDescent="0.25">
      <c r="A22" s="189" t="s">
        <v>18</v>
      </c>
      <c r="B22" s="95">
        <v>143</v>
      </c>
      <c r="C22" s="98">
        <v>131</v>
      </c>
      <c r="D22" s="97">
        <v>137</v>
      </c>
      <c r="E22" s="98">
        <v>29</v>
      </c>
      <c r="F22" s="88">
        <v>0.21167883211678831</v>
      </c>
      <c r="G22" s="95">
        <v>139</v>
      </c>
      <c r="H22" s="96">
        <v>127</v>
      </c>
      <c r="I22" s="97">
        <v>133</v>
      </c>
      <c r="J22" s="98">
        <v>27</v>
      </c>
      <c r="K22" s="88">
        <v>0.20300751879699247</v>
      </c>
      <c r="L22" s="95">
        <v>4</v>
      </c>
      <c r="M22" s="96">
        <v>4</v>
      </c>
      <c r="N22" s="97">
        <v>4</v>
      </c>
      <c r="O22" s="98">
        <v>2</v>
      </c>
      <c r="P22" s="88">
        <v>0.5</v>
      </c>
    </row>
    <row r="24" spans="1:16" ht="20.100000000000001" customHeight="1" thickBot="1" x14ac:dyDescent="0.25">
      <c r="A24" s="174" t="s">
        <v>24</v>
      </c>
      <c r="G24" s="172"/>
      <c r="H24" s="172"/>
      <c r="I24" s="172"/>
      <c r="J24" s="172"/>
      <c r="K24" s="172"/>
      <c r="L24" s="172"/>
      <c r="M24" s="172"/>
      <c r="N24" s="172"/>
      <c r="O24" s="172"/>
    </row>
    <row r="25" spans="1:16" ht="20.100000000000001" customHeight="1" x14ac:dyDescent="0.2">
      <c r="A25" s="581" t="s">
        <v>25</v>
      </c>
      <c r="B25" s="583" t="s">
        <v>15</v>
      </c>
      <c r="C25" s="584"/>
      <c r="D25" s="584"/>
      <c r="E25" s="584"/>
      <c r="F25" s="585"/>
      <c r="G25" s="583" t="s">
        <v>16</v>
      </c>
      <c r="H25" s="584"/>
      <c r="I25" s="584"/>
      <c r="J25" s="584"/>
      <c r="K25" s="585"/>
      <c r="L25" s="583" t="s">
        <v>17</v>
      </c>
      <c r="M25" s="584"/>
      <c r="N25" s="584"/>
      <c r="O25" s="584"/>
      <c r="P25" s="585"/>
    </row>
    <row r="26" spans="1:16" s="201" customFormat="1" ht="20.100000000000001" customHeight="1" thickBot="1" x14ac:dyDescent="0.25">
      <c r="A26" s="582"/>
      <c r="B26" s="175" t="s">
        <v>255</v>
      </c>
      <c r="C26" s="176" t="s">
        <v>252</v>
      </c>
      <c r="D26" s="176" t="s">
        <v>149</v>
      </c>
      <c r="E26" s="176" t="s">
        <v>213</v>
      </c>
      <c r="F26" s="177" t="s">
        <v>171</v>
      </c>
      <c r="G26" s="175" t="s">
        <v>255</v>
      </c>
      <c r="H26" s="176" t="s">
        <v>252</v>
      </c>
      <c r="I26" s="176" t="s">
        <v>149</v>
      </c>
      <c r="J26" s="176" t="s">
        <v>213</v>
      </c>
      <c r="K26" s="177" t="s">
        <v>171</v>
      </c>
      <c r="L26" s="175" t="s">
        <v>255</v>
      </c>
      <c r="M26" s="176" t="s">
        <v>252</v>
      </c>
      <c r="N26" s="176" t="s">
        <v>149</v>
      </c>
      <c r="O26" s="176" t="s">
        <v>213</v>
      </c>
      <c r="P26" s="177" t="s">
        <v>171</v>
      </c>
    </row>
    <row r="27" spans="1:16" ht="20.100000000000001" customHeight="1" thickTop="1" x14ac:dyDescent="0.2">
      <c r="A27" s="178" t="s">
        <v>26</v>
      </c>
      <c r="B27" s="118">
        <v>62</v>
      </c>
      <c r="C27" s="179">
        <v>55</v>
      </c>
      <c r="D27" s="180">
        <v>58.5</v>
      </c>
      <c r="E27" s="190">
        <v>6</v>
      </c>
      <c r="F27" s="86">
        <v>0.10256410256410256</v>
      </c>
      <c r="G27" s="118">
        <v>60</v>
      </c>
      <c r="H27" s="179">
        <v>53</v>
      </c>
      <c r="I27" s="180">
        <v>56.5</v>
      </c>
      <c r="J27" s="179">
        <v>5</v>
      </c>
      <c r="K27" s="86">
        <v>8.8495575221238937E-2</v>
      </c>
      <c r="L27" s="118">
        <v>2</v>
      </c>
      <c r="M27" s="179">
        <v>2</v>
      </c>
      <c r="N27" s="180">
        <v>2</v>
      </c>
      <c r="O27" s="179">
        <v>1</v>
      </c>
      <c r="P27" s="86">
        <v>0.5</v>
      </c>
    </row>
    <row r="28" spans="1:16" ht="20.100000000000001" customHeight="1" x14ac:dyDescent="0.2">
      <c r="A28" s="181" t="s">
        <v>27</v>
      </c>
      <c r="B28" s="112">
        <v>19</v>
      </c>
      <c r="C28" s="182">
        <v>17</v>
      </c>
      <c r="D28" s="180">
        <v>18</v>
      </c>
      <c r="E28" s="182">
        <v>6</v>
      </c>
      <c r="F28" s="86">
        <v>0.33333333333333331</v>
      </c>
      <c r="G28" s="112">
        <v>17</v>
      </c>
      <c r="H28" s="182">
        <v>16</v>
      </c>
      <c r="I28" s="180">
        <v>16.5</v>
      </c>
      <c r="J28" s="182">
        <v>5</v>
      </c>
      <c r="K28" s="86">
        <v>0.30303030303030304</v>
      </c>
      <c r="L28" s="112">
        <v>2</v>
      </c>
      <c r="M28" s="182">
        <v>1</v>
      </c>
      <c r="N28" s="180">
        <v>1.5</v>
      </c>
      <c r="O28" s="182">
        <v>1</v>
      </c>
      <c r="P28" s="68">
        <v>0.66666666666666663</v>
      </c>
    </row>
    <row r="29" spans="1:16" ht="20.100000000000001" customHeight="1" x14ac:dyDescent="0.2">
      <c r="A29" s="181" t="s">
        <v>28</v>
      </c>
      <c r="B29" s="112">
        <v>13</v>
      </c>
      <c r="C29" s="182">
        <v>12</v>
      </c>
      <c r="D29" s="180">
        <v>12.5</v>
      </c>
      <c r="E29" s="182">
        <v>3</v>
      </c>
      <c r="F29" s="86">
        <v>0.24</v>
      </c>
      <c r="G29" s="112">
        <v>13</v>
      </c>
      <c r="H29" s="182">
        <v>11</v>
      </c>
      <c r="I29" s="180">
        <v>12</v>
      </c>
      <c r="J29" s="182">
        <v>3</v>
      </c>
      <c r="K29" s="86">
        <v>0.25</v>
      </c>
      <c r="L29" s="112">
        <v>0</v>
      </c>
      <c r="M29" s="182">
        <v>1</v>
      </c>
      <c r="N29" s="180">
        <v>0.5</v>
      </c>
      <c r="O29" s="182">
        <v>0</v>
      </c>
      <c r="P29" s="68">
        <v>0</v>
      </c>
    </row>
    <row r="30" spans="1:16" ht="20.100000000000001" customHeight="1" x14ac:dyDescent="0.2">
      <c r="A30" s="181" t="s">
        <v>29</v>
      </c>
      <c r="B30" s="112">
        <v>18</v>
      </c>
      <c r="C30" s="182">
        <v>17</v>
      </c>
      <c r="D30" s="180">
        <v>17.5</v>
      </c>
      <c r="E30" s="182">
        <v>4</v>
      </c>
      <c r="F30" s="86">
        <v>0.22857142857142856</v>
      </c>
      <c r="G30" s="182">
        <v>18</v>
      </c>
      <c r="H30" s="182">
        <v>17</v>
      </c>
      <c r="I30" s="180">
        <v>17.5</v>
      </c>
      <c r="J30" s="182">
        <v>4</v>
      </c>
      <c r="K30" s="86">
        <v>0.22857142857142856</v>
      </c>
      <c r="L30" s="182">
        <v>0</v>
      </c>
      <c r="M30" s="182">
        <v>0</v>
      </c>
      <c r="N30" s="180">
        <v>0</v>
      </c>
      <c r="O30" s="182">
        <v>0</v>
      </c>
      <c r="P30" s="506" t="s">
        <v>367</v>
      </c>
    </row>
    <row r="31" spans="1:16" ht="20.100000000000001" customHeight="1" x14ac:dyDescent="0.2">
      <c r="A31" s="181" t="s">
        <v>30</v>
      </c>
      <c r="B31" s="112">
        <v>4</v>
      </c>
      <c r="C31" s="182">
        <v>5</v>
      </c>
      <c r="D31" s="180">
        <v>4.5</v>
      </c>
      <c r="E31" s="182">
        <v>1</v>
      </c>
      <c r="F31" s="86">
        <v>0.22222222222222221</v>
      </c>
      <c r="G31" s="182">
        <v>4</v>
      </c>
      <c r="H31" s="182">
        <v>5</v>
      </c>
      <c r="I31" s="180">
        <v>4.5</v>
      </c>
      <c r="J31" s="182">
        <v>1</v>
      </c>
      <c r="K31" s="86">
        <v>0.22222222222222221</v>
      </c>
      <c r="L31" s="182">
        <v>0</v>
      </c>
      <c r="M31" s="182">
        <v>0</v>
      </c>
      <c r="N31" s="180">
        <v>0</v>
      </c>
      <c r="O31" s="182">
        <v>0</v>
      </c>
      <c r="P31" s="506" t="s">
        <v>367</v>
      </c>
    </row>
    <row r="32" spans="1:16" ht="20.100000000000001" customHeight="1" x14ac:dyDescent="0.2">
      <c r="A32" s="181" t="s">
        <v>31</v>
      </c>
      <c r="B32" s="112">
        <v>0</v>
      </c>
      <c r="C32" s="182">
        <v>0</v>
      </c>
      <c r="D32" s="180">
        <v>0</v>
      </c>
      <c r="E32" s="182">
        <v>3</v>
      </c>
      <c r="F32" s="86">
        <v>0</v>
      </c>
      <c r="G32" s="182">
        <v>0</v>
      </c>
      <c r="H32" s="182">
        <v>0</v>
      </c>
      <c r="I32" s="180">
        <v>0</v>
      </c>
      <c r="J32" s="182">
        <v>3</v>
      </c>
      <c r="K32" s="86">
        <v>0</v>
      </c>
      <c r="L32" s="182">
        <v>0</v>
      </c>
      <c r="M32" s="182">
        <v>0</v>
      </c>
      <c r="N32" s="180">
        <v>0</v>
      </c>
      <c r="O32" s="182">
        <v>0</v>
      </c>
      <c r="P32" s="506" t="s">
        <v>367</v>
      </c>
    </row>
    <row r="33" spans="1:16" ht="20.100000000000001" customHeight="1" x14ac:dyDescent="0.2">
      <c r="A33" s="181" t="s">
        <v>32</v>
      </c>
      <c r="B33" s="112">
        <v>25</v>
      </c>
      <c r="C33" s="182">
        <v>25</v>
      </c>
      <c r="D33" s="180">
        <v>25</v>
      </c>
      <c r="E33" s="182">
        <v>4</v>
      </c>
      <c r="F33" s="86">
        <v>0.16</v>
      </c>
      <c r="G33" s="182">
        <v>25</v>
      </c>
      <c r="H33" s="182">
        <v>25</v>
      </c>
      <c r="I33" s="180">
        <v>25</v>
      </c>
      <c r="J33" s="182">
        <v>4</v>
      </c>
      <c r="K33" s="86">
        <v>0.16</v>
      </c>
      <c r="L33" s="182">
        <v>0</v>
      </c>
      <c r="M33" s="182">
        <v>0</v>
      </c>
      <c r="N33" s="180">
        <v>0</v>
      </c>
      <c r="O33" s="182">
        <v>0</v>
      </c>
      <c r="P33" s="506" t="s">
        <v>367</v>
      </c>
    </row>
    <row r="34" spans="1:16" ht="20.100000000000001" customHeight="1" thickBot="1" x14ac:dyDescent="0.25">
      <c r="A34" s="193" t="s">
        <v>33</v>
      </c>
      <c r="B34" s="118">
        <v>2</v>
      </c>
      <c r="C34" s="194">
        <v>0</v>
      </c>
      <c r="D34" s="195">
        <v>1</v>
      </c>
      <c r="E34" s="194">
        <v>2</v>
      </c>
      <c r="F34" s="73">
        <v>2</v>
      </c>
      <c r="G34" s="182">
        <v>2</v>
      </c>
      <c r="H34" s="182">
        <v>0</v>
      </c>
      <c r="I34" s="195">
        <v>2</v>
      </c>
      <c r="J34" s="182">
        <v>2</v>
      </c>
      <c r="K34" s="73">
        <v>1</v>
      </c>
      <c r="L34" s="182">
        <v>0</v>
      </c>
      <c r="M34" s="182">
        <v>0</v>
      </c>
      <c r="N34" s="195">
        <v>0</v>
      </c>
      <c r="O34" s="182">
        <v>0</v>
      </c>
      <c r="P34" s="506" t="s">
        <v>367</v>
      </c>
    </row>
    <row r="35" spans="1:16" ht="20.100000000000001" customHeight="1" thickTop="1" thickBot="1" x14ac:dyDescent="0.25">
      <c r="A35" s="189" t="s">
        <v>14</v>
      </c>
      <c r="B35" s="95">
        <v>143</v>
      </c>
      <c r="C35" s="96">
        <v>131</v>
      </c>
      <c r="D35" s="97">
        <v>137</v>
      </c>
      <c r="E35" s="98">
        <v>29</v>
      </c>
      <c r="F35" s="88">
        <v>0.21167883211678831</v>
      </c>
      <c r="G35" s="95">
        <v>139</v>
      </c>
      <c r="H35" s="96">
        <v>127</v>
      </c>
      <c r="I35" s="97">
        <v>133</v>
      </c>
      <c r="J35" s="98">
        <v>27</v>
      </c>
      <c r="K35" s="88">
        <v>0.20300751879699247</v>
      </c>
      <c r="L35" s="95">
        <v>4</v>
      </c>
      <c r="M35" s="96">
        <v>4</v>
      </c>
      <c r="N35" s="97">
        <v>4</v>
      </c>
      <c r="O35" s="98">
        <v>2</v>
      </c>
      <c r="P35" s="88">
        <v>0.5</v>
      </c>
    </row>
    <row r="36" spans="1:16" ht="20.100000000000001" customHeight="1" x14ac:dyDescent="0.2">
      <c r="G36" s="172"/>
      <c r="H36" s="172"/>
      <c r="I36" s="172"/>
      <c r="J36" s="172"/>
      <c r="K36" s="172"/>
      <c r="L36" s="172"/>
      <c r="M36" s="172"/>
      <c r="N36" s="172"/>
      <c r="O36" s="172"/>
    </row>
  </sheetData>
  <mergeCells count="12">
    <mergeCell ref="A25:A26"/>
    <mergeCell ref="B25:F25"/>
    <mergeCell ref="G25:K25"/>
    <mergeCell ref="L25:P25"/>
    <mergeCell ref="A5:A6"/>
    <mergeCell ref="B5:F5"/>
    <mergeCell ref="G5:K5"/>
    <mergeCell ref="L5:P5"/>
    <mergeCell ref="A16:A17"/>
    <mergeCell ref="B16:F16"/>
    <mergeCell ref="G16:K16"/>
    <mergeCell ref="L16:P16"/>
  </mergeCells>
  <phoneticPr fontId="1"/>
  <printOptions horizontalCentered="1"/>
  <pageMargins left="0.23622047244094491" right="0.23622047244094491" top="0.74803149606299213" bottom="0.74803149606299213" header="0.31496062992125984" footer="0.31496062992125984"/>
  <pageSetup paperSize="9" scale="56" orientation="landscape" r:id="rId1"/>
  <headerFooter>
    <oddFooter>&amp;C&amp;P</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50"/>
  <sheetViews>
    <sheetView view="pageBreakPreview" zoomScale="80" zoomScaleNormal="100" zoomScaleSheetLayoutView="80" zoomScalePageLayoutView="75" workbookViewId="0">
      <selection activeCell="K19" sqref="K19"/>
    </sheetView>
  </sheetViews>
  <sheetFormatPr defaultColWidth="14.59765625" defaultRowHeight="20.100000000000001" customHeight="1" x14ac:dyDescent="0.2"/>
  <cols>
    <col min="1" max="9" width="14.59765625" style="47"/>
    <col min="10" max="10" width="14.8984375" style="47" customWidth="1"/>
    <col min="11" max="16384" width="14.59765625" style="47"/>
  </cols>
  <sheetData>
    <row r="1" spans="1:10" ht="20.100000000000001" customHeight="1" x14ac:dyDescent="0.2">
      <c r="A1" s="202" t="s">
        <v>191</v>
      </c>
    </row>
    <row r="2" spans="1:10" ht="20.100000000000001" customHeight="1" x14ac:dyDescent="0.2">
      <c r="A2" s="202" t="s">
        <v>193</v>
      </c>
      <c r="G2" s="203"/>
      <c r="H2" s="48"/>
      <c r="I2" s="48"/>
      <c r="J2" s="48"/>
    </row>
    <row r="3" spans="1:10" ht="20.100000000000001" customHeight="1" x14ac:dyDescent="0.2">
      <c r="A3" s="204"/>
      <c r="G3" s="203"/>
      <c r="H3" s="48"/>
      <c r="I3" s="48"/>
      <c r="J3" s="48"/>
    </row>
    <row r="4" spans="1:10" ht="20.100000000000001" customHeight="1" thickBot="1" x14ac:dyDescent="0.25">
      <c r="A4" s="47" t="s">
        <v>152</v>
      </c>
      <c r="D4" s="48" t="s">
        <v>256</v>
      </c>
      <c r="E4" s="48"/>
      <c r="F4" s="48"/>
      <c r="G4" s="48"/>
      <c r="H4" s="48"/>
      <c r="I4" s="48"/>
      <c r="J4" s="48"/>
    </row>
    <row r="5" spans="1:10" ht="20.100000000000001" customHeight="1" x14ac:dyDescent="0.2">
      <c r="A5" s="588" t="s">
        <v>7</v>
      </c>
      <c r="B5" s="590" t="s">
        <v>34</v>
      </c>
      <c r="C5" s="591"/>
      <c r="D5" s="590" t="s">
        <v>35</v>
      </c>
      <c r="E5" s="591"/>
      <c r="F5" s="590" t="s">
        <v>36</v>
      </c>
      <c r="G5" s="600"/>
      <c r="H5" s="601" t="s">
        <v>153</v>
      </c>
      <c r="I5" s="605" t="s">
        <v>277</v>
      </c>
      <c r="J5" s="603" t="s">
        <v>283</v>
      </c>
    </row>
    <row r="6" spans="1:10" ht="20.100000000000001" customHeight="1" thickBot="1" x14ac:dyDescent="0.25">
      <c r="A6" s="589"/>
      <c r="B6" s="205" t="s">
        <v>150</v>
      </c>
      <c r="C6" s="523" t="s">
        <v>151</v>
      </c>
      <c r="D6" s="205" t="s">
        <v>150</v>
      </c>
      <c r="E6" s="523" t="s">
        <v>151</v>
      </c>
      <c r="F6" s="205" t="s">
        <v>150</v>
      </c>
      <c r="G6" s="523" t="s">
        <v>151</v>
      </c>
      <c r="H6" s="602"/>
      <c r="I6" s="606"/>
      <c r="J6" s="604"/>
    </row>
    <row r="7" spans="1:10" ht="20.100000000000001" customHeight="1" thickTop="1" x14ac:dyDescent="0.2">
      <c r="A7" s="206" t="s">
        <v>123</v>
      </c>
      <c r="B7" s="207">
        <v>669</v>
      </c>
      <c r="C7" s="208">
        <v>49</v>
      </c>
      <c r="D7" s="209">
        <v>443</v>
      </c>
      <c r="E7" s="210">
        <v>15</v>
      </c>
      <c r="F7" s="211">
        <v>226</v>
      </c>
      <c r="G7" s="212">
        <v>34</v>
      </c>
      <c r="H7" s="213">
        <v>718</v>
      </c>
      <c r="I7" s="214">
        <v>125</v>
      </c>
      <c r="J7" s="89">
        <v>0.17409470752089137</v>
      </c>
    </row>
    <row r="8" spans="1:10" ht="20.100000000000001" customHeight="1" x14ac:dyDescent="0.2">
      <c r="A8" s="215" t="s">
        <v>11</v>
      </c>
      <c r="B8" s="207">
        <v>2190</v>
      </c>
      <c r="C8" s="208">
        <v>231</v>
      </c>
      <c r="D8" s="214">
        <v>1601</v>
      </c>
      <c r="E8" s="216">
        <v>71</v>
      </c>
      <c r="F8" s="217">
        <v>589</v>
      </c>
      <c r="G8" s="212">
        <v>160</v>
      </c>
      <c r="H8" s="213">
        <v>2421</v>
      </c>
      <c r="I8" s="214">
        <v>333</v>
      </c>
      <c r="J8" s="68">
        <v>0.13754646840148699</v>
      </c>
    </row>
    <row r="9" spans="1:10" ht="20.100000000000001" customHeight="1" x14ac:dyDescent="0.2">
      <c r="A9" s="215" t="s">
        <v>12</v>
      </c>
      <c r="B9" s="207">
        <v>1573</v>
      </c>
      <c r="C9" s="208">
        <v>169</v>
      </c>
      <c r="D9" s="214">
        <v>1199</v>
      </c>
      <c r="E9" s="216">
        <v>26</v>
      </c>
      <c r="F9" s="217">
        <v>374</v>
      </c>
      <c r="G9" s="212">
        <v>143</v>
      </c>
      <c r="H9" s="213">
        <v>1742</v>
      </c>
      <c r="I9" s="214">
        <v>235</v>
      </c>
      <c r="J9" s="68">
        <v>0.13490241102181399</v>
      </c>
    </row>
    <row r="10" spans="1:10" ht="20.100000000000001" customHeight="1" x14ac:dyDescent="0.2">
      <c r="A10" s="215" t="s">
        <v>124</v>
      </c>
      <c r="B10" s="207">
        <v>1257</v>
      </c>
      <c r="C10" s="208">
        <v>183</v>
      </c>
      <c r="D10" s="214">
        <v>745</v>
      </c>
      <c r="E10" s="216">
        <v>29</v>
      </c>
      <c r="F10" s="217">
        <v>512</v>
      </c>
      <c r="G10" s="212">
        <v>154</v>
      </c>
      <c r="H10" s="213">
        <v>1440</v>
      </c>
      <c r="I10" s="214">
        <v>282</v>
      </c>
      <c r="J10" s="68">
        <v>0.19583333333333333</v>
      </c>
    </row>
    <row r="11" spans="1:10" ht="20.100000000000001" customHeight="1" x14ac:dyDescent="0.2">
      <c r="A11" s="215" t="s">
        <v>125</v>
      </c>
      <c r="B11" s="207">
        <v>729</v>
      </c>
      <c r="C11" s="208">
        <v>264</v>
      </c>
      <c r="D11" s="214">
        <v>317</v>
      </c>
      <c r="E11" s="216">
        <v>31</v>
      </c>
      <c r="F11" s="217">
        <v>412</v>
      </c>
      <c r="G11" s="212">
        <v>233</v>
      </c>
      <c r="H11" s="213">
        <v>993</v>
      </c>
      <c r="I11" s="214">
        <v>254</v>
      </c>
      <c r="J11" s="68">
        <v>0.25579053373615307</v>
      </c>
    </row>
    <row r="12" spans="1:10" ht="20.100000000000001" customHeight="1" thickBot="1" x14ac:dyDescent="0.25">
      <c r="A12" s="218" t="s">
        <v>13</v>
      </c>
      <c r="B12" s="219">
        <v>1423</v>
      </c>
      <c r="C12" s="220">
        <v>499</v>
      </c>
      <c r="D12" s="214">
        <v>883</v>
      </c>
      <c r="E12" s="221">
        <v>197</v>
      </c>
      <c r="F12" s="222">
        <v>540</v>
      </c>
      <c r="G12" s="223">
        <v>302</v>
      </c>
      <c r="H12" s="224">
        <v>1922</v>
      </c>
      <c r="I12" s="225">
        <v>428</v>
      </c>
      <c r="J12" s="73">
        <v>0.22268470343392299</v>
      </c>
    </row>
    <row r="13" spans="1:10" ht="20.100000000000001" customHeight="1" thickTop="1" thickBot="1" x14ac:dyDescent="0.25">
      <c r="A13" s="226" t="s">
        <v>59</v>
      </c>
      <c r="B13" s="227">
        <v>7841</v>
      </c>
      <c r="C13" s="228">
        <v>1395</v>
      </c>
      <c r="D13" s="229">
        <v>5188</v>
      </c>
      <c r="E13" s="230">
        <v>369</v>
      </c>
      <c r="F13" s="231">
        <v>2653</v>
      </c>
      <c r="G13" s="232">
        <v>1026</v>
      </c>
      <c r="H13" s="233">
        <v>9236</v>
      </c>
      <c r="I13" s="229">
        <v>1657</v>
      </c>
      <c r="J13" s="88">
        <v>0.17940666955391946</v>
      </c>
    </row>
    <row r="15" spans="1:10" ht="20.100000000000001" customHeight="1" thickBot="1" x14ac:dyDescent="0.25">
      <c r="A15" s="47" t="s">
        <v>126</v>
      </c>
      <c r="D15" s="47" t="s">
        <v>256</v>
      </c>
    </row>
    <row r="16" spans="1:10" s="48" customFormat="1" ht="20.100000000000001" customHeight="1" x14ac:dyDescent="0.2">
      <c r="A16" s="588" t="s">
        <v>41</v>
      </c>
      <c r="B16" s="590" t="s">
        <v>34</v>
      </c>
      <c r="C16" s="591"/>
      <c r="D16" s="590" t="s">
        <v>35</v>
      </c>
      <c r="E16" s="591"/>
      <c r="F16" s="590" t="s">
        <v>36</v>
      </c>
      <c r="G16" s="600"/>
      <c r="H16" s="601" t="s">
        <v>154</v>
      </c>
      <c r="I16" s="605" t="s">
        <v>277</v>
      </c>
      <c r="J16" s="603" t="s">
        <v>283</v>
      </c>
    </row>
    <row r="17" spans="1:10" s="48" customFormat="1" ht="20.100000000000001" customHeight="1" thickBot="1" x14ac:dyDescent="0.25">
      <c r="A17" s="589"/>
      <c r="B17" s="205" t="s">
        <v>150</v>
      </c>
      <c r="C17" s="523" t="s">
        <v>151</v>
      </c>
      <c r="D17" s="205" t="s">
        <v>150</v>
      </c>
      <c r="E17" s="523" t="s">
        <v>151</v>
      </c>
      <c r="F17" s="205" t="s">
        <v>150</v>
      </c>
      <c r="G17" s="523" t="s">
        <v>151</v>
      </c>
      <c r="H17" s="602"/>
      <c r="I17" s="606"/>
      <c r="J17" s="604"/>
    </row>
    <row r="18" spans="1:10" ht="20.100000000000001" customHeight="1" thickTop="1" x14ac:dyDescent="0.2">
      <c r="A18" s="206" t="s">
        <v>42</v>
      </c>
      <c r="B18" s="234">
        <v>2878</v>
      </c>
      <c r="C18" s="235">
        <v>679</v>
      </c>
      <c r="D18" s="236">
        <v>1868</v>
      </c>
      <c r="E18" s="236">
        <v>134</v>
      </c>
      <c r="F18" s="211">
        <v>1010</v>
      </c>
      <c r="G18" s="212">
        <v>545</v>
      </c>
      <c r="H18" s="213">
        <v>3557</v>
      </c>
      <c r="I18" s="237">
        <v>663</v>
      </c>
      <c r="J18" s="89">
        <v>0.18639302783244308</v>
      </c>
    </row>
    <row r="19" spans="1:10" ht="20.100000000000001" customHeight="1" x14ac:dyDescent="0.2">
      <c r="A19" s="215" t="s">
        <v>43</v>
      </c>
      <c r="B19" s="207">
        <v>1265</v>
      </c>
      <c r="C19" s="238">
        <v>226</v>
      </c>
      <c r="D19" s="236">
        <v>779</v>
      </c>
      <c r="E19" s="236">
        <v>56</v>
      </c>
      <c r="F19" s="217">
        <v>486</v>
      </c>
      <c r="G19" s="212">
        <v>170</v>
      </c>
      <c r="H19" s="213">
        <v>1491</v>
      </c>
      <c r="I19" s="237">
        <v>259</v>
      </c>
      <c r="J19" s="68">
        <v>0.17370892018779344</v>
      </c>
    </row>
    <row r="20" spans="1:10" ht="20.100000000000001" customHeight="1" x14ac:dyDescent="0.2">
      <c r="A20" s="215" t="s">
        <v>44</v>
      </c>
      <c r="B20" s="207">
        <v>825</v>
      </c>
      <c r="C20" s="238">
        <v>205</v>
      </c>
      <c r="D20" s="236">
        <v>611</v>
      </c>
      <c r="E20" s="236">
        <v>157</v>
      </c>
      <c r="F20" s="217">
        <v>214</v>
      </c>
      <c r="G20" s="212">
        <v>48</v>
      </c>
      <c r="H20" s="213">
        <v>1030</v>
      </c>
      <c r="I20" s="237">
        <v>243</v>
      </c>
      <c r="J20" s="68">
        <v>0.23592233009708738</v>
      </c>
    </row>
    <row r="21" spans="1:10" ht="20.100000000000001" customHeight="1" x14ac:dyDescent="0.2">
      <c r="A21" s="215" t="s">
        <v>45</v>
      </c>
      <c r="B21" s="207">
        <v>467</v>
      </c>
      <c r="C21" s="238">
        <v>99</v>
      </c>
      <c r="D21" s="236">
        <v>238</v>
      </c>
      <c r="E21" s="236">
        <v>13</v>
      </c>
      <c r="F21" s="217">
        <v>229</v>
      </c>
      <c r="G21" s="212">
        <v>86</v>
      </c>
      <c r="H21" s="213">
        <v>566</v>
      </c>
      <c r="I21" s="237">
        <v>111</v>
      </c>
      <c r="J21" s="68">
        <v>0.196113074204947</v>
      </c>
    </row>
    <row r="22" spans="1:10" ht="20.100000000000001" customHeight="1" x14ac:dyDescent="0.2">
      <c r="A22" s="215" t="s">
        <v>46</v>
      </c>
      <c r="B22" s="207">
        <v>521</v>
      </c>
      <c r="C22" s="238">
        <v>28</v>
      </c>
      <c r="D22" s="236">
        <v>341</v>
      </c>
      <c r="E22" s="236">
        <v>0</v>
      </c>
      <c r="F22" s="217">
        <v>180</v>
      </c>
      <c r="G22" s="212">
        <v>28</v>
      </c>
      <c r="H22" s="213">
        <v>549</v>
      </c>
      <c r="I22" s="237">
        <v>106</v>
      </c>
      <c r="J22" s="68">
        <v>0.19307832422586521</v>
      </c>
    </row>
    <row r="23" spans="1:10" ht="20.100000000000001" customHeight="1" x14ac:dyDescent="0.2">
      <c r="A23" s="215" t="s">
        <v>47</v>
      </c>
      <c r="B23" s="207">
        <v>829</v>
      </c>
      <c r="C23" s="238">
        <v>64</v>
      </c>
      <c r="D23" s="236">
        <v>560</v>
      </c>
      <c r="E23" s="236">
        <v>0</v>
      </c>
      <c r="F23" s="217">
        <v>269</v>
      </c>
      <c r="G23" s="212">
        <v>64</v>
      </c>
      <c r="H23" s="213">
        <v>893</v>
      </c>
      <c r="I23" s="237">
        <v>104</v>
      </c>
      <c r="J23" s="68">
        <v>0.11646136618141098</v>
      </c>
    </row>
    <row r="24" spans="1:10" ht="20.100000000000001" customHeight="1" x14ac:dyDescent="0.2">
      <c r="A24" s="215" t="s">
        <v>48</v>
      </c>
      <c r="B24" s="207">
        <v>827</v>
      </c>
      <c r="C24" s="208">
        <v>84</v>
      </c>
      <c r="D24" s="217">
        <v>606</v>
      </c>
      <c r="E24" s="236">
        <v>6</v>
      </c>
      <c r="F24" s="217">
        <v>221</v>
      </c>
      <c r="G24" s="212">
        <v>78</v>
      </c>
      <c r="H24" s="213">
        <v>911</v>
      </c>
      <c r="I24" s="237">
        <v>142</v>
      </c>
      <c r="J24" s="68">
        <v>0.15587266739846323</v>
      </c>
    </row>
    <row r="25" spans="1:10" ht="20.100000000000001" customHeight="1" thickBot="1" x14ac:dyDescent="0.25">
      <c r="A25" s="218" t="s">
        <v>49</v>
      </c>
      <c r="B25" s="219">
        <v>229</v>
      </c>
      <c r="C25" s="220">
        <v>10</v>
      </c>
      <c r="D25" s="222">
        <v>185</v>
      </c>
      <c r="E25" s="236">
        <v>3</v>
      </c>
      <c r="F25" s="222">
        <v>44</v>
      </c>
      <c r="G25" s="223">
        <v>7</v>
      </c>
      <c r="H25" s="213">
        <v>239</v>
      </c>
      <c r="I25" s="219">
        <v>29</v>
      </c>
      <c r="J25" s="127">
        <v>0.12133891213389121</v>
      </c>
    </row>
    <row r="26" spans="1:10" ht="20.100000000000001" customHeight="1" thickTop="1" thickBot="1" x14ac:dyDescent="0.25">
      <c r="A26" s="239" t="s">
        <v>14</v>
      </c>
      <c r="B26" s="231">
        <v>7841</v>
      </c>
      <c r="C26" s="240">
        <v>1395</v>
      </c>
      <c r="D26" s="231">
        <v>5188</v>
      </c>
      <c r="E26" s="241">
        <v>369</v>
      </c>
      <c r="F26" s="231">
        <v>2653</v>
      </c>
      <c r="G26" s="232">
        <v>1026</v>
      </c>
      <c r="H26" s="233">
        <v>9236</v>
      </c>
      <c r="I26" s="242">
        <v>1657</v>
      </c>
      <c r="J26" s="88">
        <v>0.17940666955391946</v>
      </c>
    </row>
    <row r="28" spans="1:10" ht="20.100000000000001" customHeight="1" thickBot="1" x14ac:dyDescent="0.25">
      <c r="A28" s="47" t="s">
        <v>284</v>
      </c>
      <c r="D28" s="47" t="s">
        <v>256</v>
      </c>
    </row>
    <row r="29" spans="1:10" ht="20.100000000000001" customHeight="1" x14ac:dyDescent="0.2">
      <c r="A29" s="586" t="s">
        <v>229</v>
      </c>
      <c r="B29" s="592" t="s">
        <v>278</v>
      </c>
      <c r="C29" s="594" t="s">
        <v>280</v>
      </c>
      <c r="D29" s="596" t="s">
        <v>279</v>
      </c>
      <c r="E29" s="603" t="s">
        <v>282</v>
      </c>
    </row>
    <row r="30" spans="1:10" s="48" customFormat="1" ht="20.100000000000001" customHeight="1" thickBot="1" x14ac:dyDescent="0.25">
      <c r="A30" s="587"/>
      <c r="B30" s="593"/>
      <c r="C30" s="595"/>
      <c r="D30" s="597"/>
      <c r="E30" s="607"/>
      <c r="F30" s="243" t="s">
        <v>281</v>
      </c>
    </row>
    <row r="31" spans="1:10" ht="20.100000000000001" customHeight="1" thickTop="1" x14ac:dyDescent="0.2">
      <c r="A31" s="49" t="s">
        <v>89</v>
      </c>
      <c r="B31" s="244">
        <v>15</v>
      </c>
      <c r="C31" s="245">
        <v>26</v>
      </c>
      <c r="D31" s="517">
        <v>82</v>
      </c>
      <c r="E31" s="509">
        <v>3.1538461538461537</v>
      </c>
    </row>
    <row r="32" spans="1:10" ht="20.100000000000001" customHeight="1" x14ac:dyDescent="0.2">
      <c r="A32" s="50" t="s">
        <v>90</v>
      </c>
      <c r="B32" s="246">
        <v>21</v>
      </c>
      <c r="C32" s="247">
        <v>49</v>
      </c>
      <c r="D32" s="518">
        <v>201</v>
      </c>
      <c r="E32" s="509">
        <v>4.1020408163265305</v>
      </c>
    </row>
    <row r="33" spans="1:6" ht="20.100000000000001" customHeight="1" x14ac:dyDescent="0.2">
      <c r="A33" s="50" t="s">
        <v>91</v>
      </c>
      <c r="B33" s="246">
        <v>14</v>
      </c>
      <c r="C33" s="247">
        <v>26</v>
      </c>
      <c r="D33" s="518">
        <v>192</v>
      </c>
      <c r="E33" s="509">
        <v>7.384615384615385</v>
      </c>
    </row>
    <row r="34" spans="1:6" ht="20.100000000000001" customHeight="1" x14ac:dyDescent="0.2">
      <c r="A34" s="50" t="s">
        <v>92</v>
      </c>
      <c r="B34" s="246">
        <v>4</v>
      </c>
      <c r="C34" s="247">
        <v>23</v>
      </c>
      <c r="D34" s="518">
        <v>186</v>
      </c>
      <c r="E34" s="509">
        <v>8.0869565217391308</v>
      </c>
    </row>
    <row r="35" spans="1:6" ht="20.100000000000001" customHeight="1" x14ac:dyDescent="0.2">
      <c r="A35" s="50" t="s">
        <v>93</v>
      </c>
      <c r="B35" s="246">
        <v>4</v>
      </c>
      <c r="C35" s="247">
        <v>11</v>
      </c>
      <c r="D35" s="518">
        <v>75</v>
      </c>
      <c r="E35" s="509">
        <v>6.8181818181818183</v>
      </c>
    </row>
    <row r="36" spans="1:6" ht="20.100000000000001" customHeight="1" thickBot="1" x14ac:dyDescent="0.25">
      <c r="A36" s="51" t="s">
        <v>13</v>
      </c>
      <c r="B36" s="248">
        <v>2</v>
      </c>
      <c r="C36" s="249">
        <v>18</v>
      </c>
      <c r="D36" s="220">
        <v>167</v>
      </c>
      <c r="E36" s="510">
        <v>9.2777777777777786</v>
      </c>
    </row>
    <row r="37" spans="1:6" ht="20.100000000000001" customHeight="1" thickTop="1" thickBot="1" x14ac:dyDescent="0.25">
      <c r="A37" s="52" t="s">
        <v>78</v>
      </c>
      <c r="B37" s="99">
        <v>60</v>
      </c>
      <c r="C37" s="100">
        <v>153</v>
      </c>
      <c r="D37" s="101">
        <v>903</v>
      </c>
      <c r="E37" s="511">
        <v>5.9019607843137258</v>
      </c>
    </row>
    <row r="39" spans="1:6" ht="20.100000000000001" customHeight="1" thickBot="1" x14ac:dyDescent="0.25">
      <c r="A39" s="47" t="s">
        <v>285</v>
      </c>
      <c r="D39" s="47" t="s">
        <v>256</v>
      </c>
    </row>
    <row r="40" spans="1:6" ht="20.100000000000001" customHeight="1" x14ac:dyDescent="0.2">
      <c r="A40" s="588" t="s">
        <v>41</v>
      </c>
      <c r="B40" s="592" t="s">
        <v>278</v>
      </c>
      <c r="C40" s="594" t="s">
        <v>280</v>
      </c>
      <c r="D40" s="596" t="s">
        <v>279</v>
      </c>
      <c r="E40" s="598" t="s">
        <v>282</v>
      </c>
    </row>
    <row r="41" spans="1:6" ht="20.100000000000001" customHeight="1" thickBot="1" x14ac:dyDescent="0.25">
      <c r="A41" s="589"/>
      <c r="B41" s="593"/>
      <c r="C41" s="595"/>
      <c r="D41" s="597"/>
      <c r="E41" s="599"/>
      <c r="F41" s="243" t="s">
        <v>281</v>
      </c>
    </row>
    <row r="42" spans="1:6" ht="20.100000000000001" customHeight="1" thickTop="1" x14ac:dyDescent="0.2">
      <c r="A42" s="206" t="s">
        <v>42</v>
      </c>
      <c r="B42" s="244">
        <v>22</v>
      </c>
      <c r="C42" s="245">
        <v>62</v>
      </c>
      <c r="D42" s="517">
        <v>408</v>
      </c>
      <c r="E42" s="509">
        <v>6.580645161290323</v>
      </c>
    </row>
    <row r="43" spans="1:6" ht="20.100000000000001" customHeight="1" x14ac:dyDescent="0.2">
      <c r="A43" s="215" t="s">
        <v>43</v>
      </c>
      <c r="B43" s="244">
        <v>6</v>
      </c>
      <c r="C43" s="245">
        <v>24</v>
      </c>
      <c r="D43" s="518">
        <v>155</v>
      </c>
      <c r="E43" s="509">
        <v>6.458333333333333</v>
      </c>
    </row>
    <row r="44" spans="1:6" ht="20.100000000000001" customHeight="1" x14ac:dyDescent="0.2">
      <c r="A44" s="215" t="s">
        <v>44</v>
      </c>
      <c r="B44" s="246">
        <v>8</v>
      </c>
      <c r="C44" s="246">
        <v>14</v>
      </c>
      <c r="D44" s="519">
        <v>56</v>
      </c>
      <c r="E44" s="509">
        <v>4</v>
      </c>
    </row>
    <row r="45" spans="1:6" ht="20.100000000000001" customHeight="1" x14ac:dyDescent="0.2">
      <c r="A45" s="215" t="s">
        <v>45</v>
      </c>
      <c r="B45" s="246">
        <v>4</v>
      </c>
      <c r="C45" s="246">
        <v>10</v>
      </c>
      <c r="D45" s="519">
        <v>47</v>
      </c>
      <c r="E45" s="509">
        <v>4.7</v>
      </c>
    </row>
    <row r="46" spans="1:6" ht="20.100000000000001" customHeight="1" x14ac:dyDescent="0.2">
      <c r="A46" s="215" t="s">
        <v>46</v>
      </c>
      <c r="B46" s="246">
        <v>6</v>
      </c>
      <c r="C46" s="246">
        <v>9</v>
      </c>
      <c r="D46" s="519">
        <v>70</v>
      </c>
      <c r="E46" s="509">
        <v>7.7777777777777777</v>
      </c>
    </row>
    <row r="47" spans="1:6" ht="20.100000000000001" customHeight="1" x14ac:dyDescent="0.2">
      <c r="A47" s="215" t="s">
        <v>47</v>
      </c>
      <c r="B47" s="246">
        <v>5</v>
      </c>
      <c r="C47" s="247">
        <v>10</v>
      </c>
      <c r="D47" s="518">
        <v>64</v>
      </c>
      <c r="E47" s="509">
        <v>6.4</v>
      </c>
    </row>
    <row r="48" spans="1:6" ht="20.100000000000001" customHeight="1" x14ac:dyDescent="0.2">
      <c r="A48" s="215" t="s">
        <v>48</v>
      </c>
      <c r="B48" s="246">
        <v>5</v>
      </c>
      <c r="C48" s="247">
        <v>17</v>
      </c>
      <c r="D48" s="518">
        <v>76</v>
      </c>
      <c r="E48" s="509">
        <v>4.4705882352941178</v>
      </c>
    </row>
    <row r="49" spans="1:5" ht="20.100000000000001" customHeight="1" thickBot="1" x14ac:dyDescent="0.25">
      <c r="A49" s="218" t="s">
        <v>49</v>
      </c>
      <c r="B49" s="248">
        <v>4</v>
      </c>
      <c r="C49" s="249">
        <v>7</v>
      </c>
      <c r="D49" s="220">
        <v>27</v>
      </c>
      <c r="E49" s="510">
        <v>3.8571428571428572</v>
      </c>
    </row>
    <row r="50" spans="1:5" ht="20.100000000000001" customHeight="1" thickTop="1" thickBot="1" x14ac:dyDescent="0.25">
      <c r="A50" s="239" t="s">
        <v>14</v>
      </c>
      <c r="B50" s="99">
        <v>60</v>
      </c>
      <c r="C50" s="100">
        <v>153</v>
      </c>
      <c r="D50" s="101">
        <v>903</v>
      </c>
      <c r="E50" s="511">
        <v>5.9019607843137258</v>
      </c>
    </row>
  </sheetData>
  <mergeCells count="24">
    <mergeCell ref="A5:A6"/>
    <mergeCell ref="B5:C5"/>
    <mergeCell ref="D5:E5"/>
    <mergeCell ref="F5:G5"/>
    <mergeCell ref="H5:H6"/>
    <mergeCell ref="F16:G16"/>
    <mergeCell ref="B29:B30"/>
    <mergeCell ref="C29:C30"/>
    <mergeCell ref="H16:H17"/>
    <mergeCell ref="J5:J6"/>
    <mergeCell ref="J16:J17"/>
    <mergeCell ref="I5:I6"/>
    <mergeCell ref="I16:I17"/>
    <mergeCell ref="E29:E30"/>
    <mergeCell ref="D29:D30"/>
    <mergeCell ref="A29:A30"/>
    <mergeCell ref="A16:A17"/>
    <mergeCell ref="B16:C16"/>
    <mergeCell ref="D16:E16"/>
    <mergeCell ref="A40:A41"/>
    <mergeCell ref="B40:B41"/>
    <mergeCell ref="C40:C41"/>
    <mergeCell ref="D40:D41"/>
    <mergeCell ref="E40:E41"/>
  </mergeCells>
  <phoneticPr fontId="1"/>
  <pageMargins left="0.82677165354330717" right="0.23622047244094491" top="0.55118110236220474" bottom="0.55118110236220474" header="0.31496062992125984" footer="0.31496062992125984"/>
  <pageSetup paperSize="9" scale="55" orientation="landscape" r:id="rId1"/>
  <headerFooter>
    <oddFooter>&amp;C&amp;P</oddFooter>
  </headerFooter>
  <rowBreaks count="1" manualBreakCount="1">
    <brk id="50" max="10"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35"/>
  <sheetViews>
    <sheetView view="pageBreakPreview" topLeftCell="A10" zoomScale="80" zoomScaleNormal="80" zoomScaleSheetLayoutView="80" zoomScalePageLayoutView="50" workbookViewId="0">
      <selection activeCell="E26" sqref="E26:G34"/>
    </sheetView>
  </sheetViews>
  <sheetFormatPr defaultColWidth="14.59765625" defaultRowHeight="20.100000000000001" customHeight="1" x14ac:dyDescent="0.2"/>
  <cols>
    <col min="1" max="3" width="14.59765625" style="505"/>
    <col min="4" max="4" width="14.59765625" style="250"/>
    <col min="5" max="16384" width="14.59765625" style="505"/>
  </cols>
  <sheetData>
    <row r="1" spans="1:10" ht="20.100000000000001" customHeight="1" x14ac:dyDescent="0.2">
      <c r="A1" s="130" t="s">
        <v>166</v>
      </c>
      <c r="E1" s="169"/>
      <c r="F1" s="251"/>
    </row>
    <row r="2" spans="1:10" ht="20.100000000000001" customHeight="1" x14ac:dyDescent="0.2">
      <c r="A2" s="252" t="s">
        <v>50</v>
      </c>
      <c r="E2" s="169"/>
      <c r="F2" s="169"/>
    </row>
    <row r="3" spans="1:10" ht="20.100000000000001" customHeight="1" thickBot="1" x14ac:dyDescent="0.25">
      <c r="A3" s="505" t="s">
        <v>51</v>
      </c>
      <c r="C3" s="169" t="s">
        <v>257</v>
      </c>
      <c r="F3" s="169"/>
    </row>
    <row r="4" spans="1:10" ht="20.100000000000001" customHeight="1" x14ac:dyDescent="0.2">
      <c r="A4" s="581" t="s">
        <v>7</v>
      </c>
      <c r="B4" s="608" t="s">
        <v>34</v>
      </c>
      <c r="C4" s="609"/>
      <c r="D4" s="610"/>
      <c r="E4" s="608" t="s">
        <v>35</v>
      </c>
      <c r="F4" s="609"/>
      <c r="G4" s="610"/>
      <c r="H4" s="608" t="s">
        <v>36</v>
      </c>
      <c r="I4" s="609"/>
      <c r="J4" s="610"/>
    </row>
    <row r="5" spans="1:10" ht="20.100000000000001" customHeight="1" thickBot="1" x14ac:dyDescent="0.25">
      <c r="A5" s="582"/>
      <c r="B5" s="253" t="s">
        <v>258</v>
      </c>
      <c r="C5" s="254" t="s">
        <v>240</v>
      </c>
      <c r="D5" s="255" t="s">
        <v>228</v>
      </c>
      <c r="E5" s="253" t="s">
        <v>258</v>
      </c>
      <c r="F5" s="254" t="s">
        <v>240</v>
      </c>
      <c r="G5" s="255" t="s">
        <v>228</v>
      </c>
      <c r="H5" s="253" t="s">
        <v>258</v>
      </c>
      <c r="I5" s="254" t="s">
        <v>240</v>
      </c>
      <c r="J5" s="255" t="s">
        <v>228</v>
      </c>
    </row>
    <row r="6" spans="1:10" ht="20.100000000000001" customHeight="1" thickTop="1" x14ac:dyDescent="0.2">
      <c r="A6" s="178" t="s">
        <v>89</v>
      </c>
      <c r="B6" s="21">
        <v>22</v>
      </c>
      <c r="C6" s="85">
        <v>7</v>
      </c>
      <c r="D6" s="256">
        <v>0.31818181818181818</v>
      </c>
      <c r="E6" s="21">
        <v>21</v>
      </c>
      <c r="F6" s="85">
        <v>7</v>
      </c>
      <c r="G6" s="256">
        <v>0.33333333333333331</v>
      </c>
      <c r="H6" s="21">
        <v>1</v>
      </c>
      <c r="I6" s="85">
        <v>0</v>
      </c>
      <c r="J6" s="257">
        <v>0</v>
      </c>
    </row>
    <row r="7" spans="1:10" ht="20.100000000000001" customHeight="1" x14ac:dyDescent="0.2">
      <c r="A7" s="181" t="s">
        <v>90</v>
      </c>
      <c r="B7" s="23">
        <v>193</v>
      </c>
      <c r="C7" s="258">
        <v>34</v>
      </c>
      <c r="D7" s="256">
        <v>0.17616580310880828</v>
      </c>
      <c r="E7" s="23">
        <v>193</v>
      </c>
      <c r="F7" s="258">
        <v>32</v>
      </c>
      <c r="G7" s="257">
        <v>0.16580310880829016</v>
      </c>
      <c r="H7" s="23">
        <v>0</v>
      </c>
      <c r="I7" s="258">
        <v>2</v>
      </c>
      <c r="J7" s="562" t="s">
        <v>379</v>
      </c>
    </row>
    <row r="8" spans="1:10" ht="20.100000000000001" customHeight="1" x14ac:dyDescent="0.2">
      <c r="A8" s="181" t="s">
        <v>91</v>
      </c>
      <c r="B8" s="23">
        <v>318</v>
      </c>
      <c r="C8" s="258">
        <v>59</v>
      </c>
      <c r="D8" s="256">
        <v>0.18553459119496854</v>
      </c>
      <c r="E8" s="23">
        <v>317</v>
      </c>
      <c r="F8" s="258">
        <v>59</v>
      </c>
      <c r="G8" s="257">
        <v>0.18611987381703471</v>
      </c>
      <c r="H8" s="23">
        <v>1</v>
      </c>
      <c r="I8" s="258">
        <v>0</v>
      </c>
      <c r="J8" s="257">
        <v>0</v>
      </c>
    </row>
    <row r="9" spans="1:10" ht="20.100000000000001" customHeight="1" x14ac:dyDescent="0.2">
      <c r="A9" s="181" t="s">
        <v>92</v>
      </c>
      <c r="B9" s="23">
        <v>467</v>
      </c>
      <c r="C9" s="258">
        <v>53</v>
      </c>
      <c r="D9" s="256">
        <v>0.11349036402569593</v>
      </c>
      <c r="E9" s="23">
        <v>467</v>
      </c>
      <c r="F9" s="258">
        <v>51</v>
      </c>
      <c r="G9" s="257">
        <v>0.10920770877944326</v>
      </c>
      <c r="H9" s="23">
        <v>0</v>
      </c>
      <c r="I9" s="258">
        <v>2</v>
      </c>
      <c r="J9" s="562" t="s">
        <v>379</v>
      </c>
    </row>
    <row r="10" spans="1:10" ht="20.100000000000001" customHeight="1" x14ac:dyDescent="0.2">
      <c r="A10" s="181" t="s">
        <v>93</v>
      </c>
      <c r="B10" s="23">
        <v>469</v>
      </c>
      <c r="C10" s="258">
        <v>42</v>
      </c>
      <c r="D10" s="256">
        <v>8.9552238805970144E-2</v>
      </c>
      <c r="E10" s="23">
        <v>467</v>
      </c>
      <c r="F10" s="258">
        <v>42</v>
      </c>
      <c r="G10" s="257">
        <v>8.9935760171306209E-2</v>
      </c>
      <c r="H10" s="23">
        <v>2</v>
      </c>
      <c r="I10" s="258">
        <v>0</v>
      </c>
      <c r="J10" s="257">
        <v>0</v>
      </c>
    </row>
    <row r="11" spans="1:10" ht="20.100000000000001" customHeight="1" thickBot="1" x14ac:dyDescent="0.25">
      <c r="A11" s="193" t="s">
        <v>13</v>
      </c>
      <c r="B11" s="28">
        <v>1439</v>
      </c>
      <c r="C11" s="87">
        <v>141</v>
      </c>
      <c r="D11" s="259">
        <v>9.7984711605281452E-2</v>
      </c>
      <c r="E11" s="28">
        <v>1439</v>
      </c>
      <c r="F11" s="87">
        <v>140</v>
      </c>
      <c r="G11" s="259">
        <v>9.7289784572619872E-2</v>
      </c>
      <c r="H11" s="28">
        <v>0</v>
      </c>
      <c r="I11" s="87">
        <v>1</v>
      </c>
      <c r="J11" s="562" t="s">
        <v>379</v>
      </c>
    </row>
    <row r="12" spans="1:10" ht="20.100000000000001" customHeight="1" thickTop="1" thickBot="1" x14ac:dyDescent="0.25">
      <c r="A12" s="260" t="s">
        <v>18</v>
      </c>
      <c r="B12" s="1">
        <v>2908</v>
      </c>
      <c r="C12" s="3">
        <v>336</v>
      </c>
      <c r="D12" s="261">
        <v>0.1155433287482806</v>
      </c>
      <c r="E12" s="2">
        <v>2904</v>
      </c>
      <c r="F12" s="2">
        <v>331</v>
      </c>
      <c r="G12" s="261">
        <v>0.11398071625344353</v>
      </c>
      <c r="H12" s="2">
        <v>4</v>
      </c>
      <c r="I12" s="2">
        <v>5</v>
      </c>
      <c r="J12" s="261">
        <v>1.25</v>
      </c>
    </row>
    <row r="14" spans="1:10" ht="20.100000000000001" customHeight="1" thickBot="1" x14ac:dyDescent="0.25">
      <c r="A14" s="505" t="s">
        <v>52</v>
      </c>
    </row>
    <row r="15" spans="1:10" s="561" customFormat="1" ht="20.100000000000001" customHeight="1" x14ac:dyDescent="0.2">
      <c r="A15" s="581" t="s">
        <v>156</v>
      </c>
      <c r="B15" s="608" t="s">
        <v>34</v>
      </c>
      <c r="C15" s="609"/>
      <c r="D15" s="610"/>
      <c r="E15" s="608" t="s">
        <v>35</v>
      </c>
      <c r="F15" s="609"/>
      <c r="G15" s="610"/>
      <c r="H15" s="608" t="s">
        <v>36</v>
      </c>
      <c r="I15" s="609"/>
      <c r="J15" s="610"/>
    </row>
    <row r="16" spans="1:10" s="561" customFormat="1" ht="20.100000000000001" customHeight="1" thickBot="1" x14ac:dyDescent="0.25">
      <c r="A16" s="582"/>
      <c r="B16" s="253" t="s">
        <v>258</v>
      </c>
      <c r="C16" s="254" t="s">
        <v>240</v>
      </c>
      <c r="D16" s="255" t="s">
        <v>228</v>
      </c>
      <c r="E16" s="253" t="s">
        <v>258</v>
      </c>
      <c r="F16" s="254" t="s">
        <v>240</v>
      </c>
      <c r="G16" s="255" t="s">
        <v>228</v>
      </c>
      <c r="H16" s="253" t="s">
        <v>258</v>
      </c>
      <c r="I16" s="254" t="s">
        <v>240</v>
      </c>
      <c r="J16" s="255" t="s">
        <v>228</v>
      </c>
    </row>
    <row r="17" spans="1:10" ht="20.100000000000001" customHeight="1" thickTop="1" x14ac:dyDescent="0.2">
      <c r="A17" s="178" t="s">
        <v>37</v>
      </c>
      <c r="B17" s="21">
        <v>25</v>
      </c>
      <c r="C17" s="85">
        <v>5</v>
      </c>
      <c r="D17" s="256">
        <v>0.2</v>
      </c>
      <c r="E17" s="21">
        <v>25</v>
      </c>
      <c r="F17" s="85">
        <v>5</v>
      </c>
      <c r="G17" s="256">
        <v>0.2</v>
      </c>
      <c r="H17" s="21">
        <v>0</v>
      </c>
      <c r="I17" s="85">
        <v>0</v>
      </c>
      <c r="J17" s="563" t="s">
        <v>379</v>
      </c>
    </row>
    <row r="18" spans="1:10" ht="20.100000000000001" customHeight="1" x14ac:dyDescent="0.2">
      <c r="A18" s="181" t="s">
        <v>38</v>
      </c>
      <c r="B18" s="23">
        <v>91</v>
      </c>
      <c r="C18" s="258">
        <v>9</v>
      </c>
      <c r="D18" s="256">
        <v>9.8901098901098897E-2</v>
      </c>
      <c r="E18" s="23">
        <v>91</v>
      </c>
      <c r="F18" s="258">
        <v>9</v>
      </c>
      <c r="G18" s="256">
        <v>9.8901098901098897E-2</v>
      </c>
      <c r="H18" s="23">
        <v>0</v>
      </c>
      <c r="I18" s="258">
        <v>0</v>
      </c>
      <c r="J18" s="563" t="s">
        <v>379</v>
      </c>
    </row>
    <row r="19" spans="1:10" ht="20.100000000000001" customHeight="1" x14ac:dyDescent="0.2">
      <c r="A19" s="181" t="s">
        <v>39</v>
      </c>
      <c r="B19" s="23">
        <v>2769</v>
      </c>
      <c r="C19" s="258">
        <v>316</v>
      </c>
      <c r="D19" s="256">
        <v>0.11412062116287468</v>
      </c>
      <c r="E19" s="23">
        <v>2766</v>
      </c>
      <c r="F19" s="258">
        <v>311</v>
      </c>
      <c r="G19" s="256">
        <v>0.11243673174258857</v>
      </c>
      <c r="H19" s="23">
        <v>3</v>
      </c>
      <c r="I19" s="258">
        <v>5</v>
      </c>
      <c r="J19" s="256">
        <v>1.6666666666666667</v>
      </c>
    </row>
    <row r="20" spans="1:10" ht="20.100000000000001" customHeight="1" thickBot="1" x14ac:dyDescent="0.25">
      <c r="A20" s="193" t="s">
        <v>40</v>
      </c>
      <c r="B20" s="28">
        <v>23</v>
      </c>
      <c r="C20" s="87">
        <v>6</v>
      </c>
      <c r="D20" s="259">
        <v>0.2608695652173913</v>
      </c>
      <c r="E20" s="28">
        <v>22</v>
      </c>
      <c r="F20" s="87">
        <v>6</v>
      </c>
      <c r="G20" s="259">
        <v>0.27272727272727271</v>
      </c>
      <c r="H20" s="28">
        <v>1</v>
      </c>
      <c r="I20" s="87">
        <v>0</v>
      </c>
      <c r="J20" s="259">
        <v>0</v>
      </c>
    </row>
    <row r="21" spans="1:10" ht="20.100000000000001" customHeight="1" thickTop="1" thickBot="1" x14ac:dyDescent="0.25">
      <c r="A21" s="189" t="s">
        <v>18</v>
      </c>
      <c r="B21" s="1">
        <v>2908</v>
      </c>
      <c r="C21" s="2">
        <v>336</v>
      </c>
      <c r="D21" s="261">
        <v>0.1155433287482806</v>
      </c>
      <c r="E21" s="1">
        <v>2904</v>
      </c>
      <c r="F21" s="2">
        <v>331</v>
      </c>
      <c r="G21" s="261">
        <v>0.11398071625344353</v>
      </c>
      <c r="H21" s="1">
        <v>4</v>
      </c>
      <c r="I21" s="2">
        <v>5</v>
      </c>
      <c r="J21" s="261">
        <v>1.25</v>
      </c>
    </row>
    <row r="23" spans="1:10" ht="20.100000000000001" customHeight="1" thickBot="1" x14ac:dyDescent="0.25">
      <c r="A23" s="505" t="s">
        <v>53</v>
      </c>
    </row>
    <row r="24" spans="1:10" s="561" customFormat="1" ht="20.100000000000001" customHeight="1" x14ac:dyDescent="0.2">
      <c r="A24" s="581" t="s">
        <v>41</v>
      </c>
      <c r="B24" s="608" t="s">
        <v>34</v>
      </c>
      <c r="C24" s="609"/>
      <c r="D24" s="610"/>
      <c r="E24" s="608" t="s">
        <v>35</v>
      </c>
      <c r="F24" s="609"/>
      <c r="G24" s="610"/>
      <c r="H24" s="608" t="s">
        <v>36</v>
      </c>
      <c r="I24" s="609"/>
      <c r="J24" s="610"/>
    </row>
    <row r="25" spans="1:10" s="561" customFormat="1" ht="20.100000000000001" customHeight="1" thickBot="1" x14ac:dyDescent="0.25">
      <c r="A25" s="582"/>
      <c r="B25" s="253" t="s">
        <v>258</v>
      </c>
      <c r="C25" s="254" t="s">
        <v>240</v>
      </c>
      <c r="D25" s="255" t="s">
        <v>228</v>
      </c>
      <c r="E25" s="253" t="s">
        <v>258</v>
      </c>
      <c r="F25" s="254" t="s">
        <v>240</v>
      </c>
      <c r="G25" s="255" t="s">
        <v>228</v>
      </c>
      <c r="H25" s="253" t="s">
        <v>258</v>
      </c>
      <c r="I25" s="254" t="s">
        <v>240</v>
      </c>
      <c r="J25" s="255" t="s">
        <v>228</v>
      </c>
    </row>
    <row r="26" spans="1:10" ht="20.100000000000001" customHeight="1" thickTop="1" x14ac:dyDescent="0.2">
      <c r="A26" s="178" t="s">
        <v>42</v>
      </c>
      <c r="B26" s="21">
        <v>1441</v>
      </c>
      <c r="C26" s="85">
        <v>169</v>
      </c>
      <c r="D26" s="256">
        <v>0.11727966689798751</v>
      </c>
      <c r="E26" s="21">
        <v>1441</v>
      </c>
      <c r="F26" s="85">
        <v>168</v>
      </c>
      <c r="G26" s="256">
        <v>0.11658570437196392</v>
      </c>
      <c r="H26" s="21">
        <v>0</v>
      </c>
      <c r="I26" s="85">
        <v>1</v>
      </c>
      <c r="J26" s="563" t="s">
        <v>379</v>
      </c>
    </row>
    <row r="27" spans="1:10" ht="20.100000000000001" customHeight="1" x14ac:dyDescent="0.2">
      <c r="A27" s="181" t="s">
        <v>43</v>
      </c>
      <c r="B27" s="23">
        <v>566</v>
      </c>
      <c r="C27" s="258">
        <v>64</v>
      </c>
      <c r="D27" s="256">
        <v>0.11307420494699646</v>
      </c>
      <c r="E27" s="23">
        <v>565</v>
      </c>
      <c r="F27" s="258">
        <v>62</v>
      </c>
      <c r="G27" s="256">
        <v>0.10973451327433628</v>
      </c>
      <c r="H27" s="23">
        <v>1</v>
      </c>
      <c r="I27" s="258">
        <v>2</v>
      </c>
      <c r="J27" s="256">
        <v>2</v>
      </c>
    </row>
    <row r="28" spans="1:10" ht="20.100000000000001" customHeight="1" x14ac:dyDescent="0.2">
      <c r="A28" s="181" t="s">
        <v>44</v>
      </c>
      <c r="B28" s="23">
        <v>259</v>
      </c>
      <c r="C28" s="258">
        <v>28</v>
      </c>
      <c r="D28" s="256">
        <v>0.10810810810810811</v>
      </c>
      <c r="E28" s="23">
        <v>259</v>
      </c>
      <c r="F28" s="258">
        <v>28</v>
      </c>
      <c r="G28" s="256">
        <v>0.10810810810810811</v>
      </c>
      <c r="H28" s="23">
        <v>0</v>
      </c>
      <c r="I28" s="258">
        <v>0</v>
      </c>
      <c r="J28" s="563" t="s">
        <v>379</v>
      </c>
    </row>
    <row r="29" spans="1:10" ht="20.100000000000001" customHeight="1" x14ac:dyDescent="0.2">
      <c r="A29" s="181" t="s">
        <v>45</v>
      </c>
      <c r="B29" s="23">
        <v>158</v>
      </c>
      <c r="C29" s="258">
        <v>22</v>
      </c>
      <c r="D29" s="256">
        <v>0.13924050632911392</v>
      </c>
      <c r="E29" s="23">
        <v>158</v>
      </c>
      <c r="F29" s="258">
        <v>22</v>
      </c>
      <c r="G29" s="256">
        <v>0.13924050632911392</v>
      </c>
      <c r="H29" s="23">
        <v>0</v>
      </c>
      <c r="I29" s="258">
        <v>0</v>
      </c>
      <c r="J29" s="563" t="s">
        <v>379</v>
      </c>
    </row>
    <row r="30" spans="1:10" ht="20.100000000000001" customHeight="1" x14ac:dyDescent="0.2">
      <c r="A30" s="181" t="s">
        <v>46</v>
      </c>
      <c r="B30" s="23">
        <v>57</v>
      </c>
      <c r="C30" s="258">
        <v>8</v>
      </c>
      <c r="D30" s="256">
        <v>0.14035087719298245</v>
      </c>
      <c r="E30" s="23">
        <v>57</v>
      </c>
      <c r="F30" s="258">
        <v>8</v>
      </c>
      <c r="G30" s="256">
        <v>0.14035087719298245</v>
      </c>
      <c r="H30" s="23">
        <v>0</v>
      </c>
      <c r="I30" s="258">
        <v>0</v>
      </c>
      <c r="J30" s="563" t="s">
        <v>379</v>
      </c>
    </row>
    <row r="31" spans="1:10" ht="20.100000000000001" customHeight="1" x14ac:dyDescent="0.2">
      <c r="A31" s="181" t="s">
        <v>47</v>
      </c>
      <c r="B31" s="23">
        <v>176</v>
      </c>
      <c r="C31" s="258">
        <v>17</v>
      </c>
      <c r="D31" s="256">
        <v>9.6590909090909088E-2</v>
      </c>
      <c r="E31" s="23">
        <v>174</v>
      </c>
      <c r="F31" s="258">
        <v>15</v>
      </c>
      <c r="G31" s="256">
        <v>8.6206896551724144E-2</v>
      </c>
      <c r="H31" s="23">
        <v>2</v>
      </c>
      <c r="I31" s="258">
        <v>2</v>
      </c>
      <c r="J31" s="256">
        <v>1</v>
      </c>
    </row>
    <row r="32" spans="1:10" ht="20.100000000000001" customHeight="1" x14ac:dyDescent="0.2">
      <c r="A32" s="181" t="s">
        <v>48</v>
      </c>
      <c r="B32" s="23">
        <v>193</v>
      </c>
      <c r="C32" s="258">
        <v>19</v>
      </c>
      <c r="D32" s="256">
        <v>9.8445595854922283E-2</v>
      </c>
      <c r="E32" s="23">
        <v>192</v>
      </c>
      <c r="F32" s="258">
        <v>19</v>
      </c>
      <c r="G32" s="256">
        <v>9.8958333333333329E-2</v>
      </c>
      <c r="H32" s="23">
        <v>1</v>
      </c>
      <c r="I32" s="258">
        <v>0</v>
      </c>
      <c r="J32" s="256">
        <v>0</v>
      </c>
    </row>
    <row r="33" spans="1:10" ht="20.100000000000001" customHeight="1" thickBot="1" x14ac:dyDescent="0.25">
      <c r="A33" s="193" t="s">
        <v>49</v>
      </c>
      <c r="B33" s="28">
        <v>58</v>
      </c>
      <c r="C33" s="87">
        <v>9</v>
      </c>
      <c r="D33" s="259">
        <v>0.15517241379310345</v>
      </c>
      <c r="E33" s="28">
        <v>58</v>
      </c>
      <c r="F33" s="87">
        <v>9</v>
      </c>
      <c r="G33" s="259">
        <v>0.15517241379310345</v>
      </c>
      <c r="H33" s="28">
        <v>0</v>
      </c>
      <c r="I33" s="87">
        <v>0</v>
      </c>
      <c r="J33" s="563" t="s">
        <v>379</v>
      </c>
    </row>
    <row r="34" spans="1:10" ht="20.100000000000001" customHeight="1" thickTop="1" thickBot="1" x14ac:dyDescent="0.25">
      <c r="A34" s="260" t="s">
        <v>14</v>
      </c>
      <c r="B34" s="1">
        <v>2908</v>
      </c>
      <c r="C34" s="2">
        <v>336</v>
      </c>
      <c r="D34" s="261">
        <v>0.1155433287482806</v>
      </c>
      <c r="E34" s="1">
        <v>2904</v>
      </c>
      <c r="F34" s="2">
        <v>331</v>
      </c>
      <c r="G34" s="261">
        <v>0.11398071625344353</v>
      </c>
      <c r="H34" s="1">
        <v>4</v>
      </c>
      <c r="I34" s="2">
        <v>5</v>
      </c>
      <c r="J34" s="261">
        <v>1.25</v>
      </c>
    </row>
    <row r="35" spans="1:10" ht="20.100000000000001" customHeight="1" x14ac:dyDescent="0.2">
      <c r="E35" s="252"/>
      <c r="F35" s="252"/>
      <c r="G35" s="252"/>
      <c r="H35" s="252"/>
      <c r="I35" s="252"/>
    </row>
  </sheetData>
  <mergeCells count="12">
    <mergeCell ref="A24:A25"/>
    <mergeCell ref="B24:D24"/>
    <mergeCell ref="E24:G24"/>
    <mergeCell ref="H24:J24"/>
    <mergeCell ref="A4:A5"/>
    <mergeCell ref="B4:D4"/>
    <mergeCell ref="E4:G4"/>
    <mergeCell ref="H4:J4"/>
    <mergeCell ref="A15:A16"/>
    <mergeCell ref="B15:D15"/>
    <mergeCell ref="E15:G15"/>
    <mergeCell ref="H15:J15"/>
  </mergeCells>
  <phoneticPr fontId="1"/>
  <pageMargins left="0.82677165354330717" right="0.23622047244094491" top="0.74803149606299213" bottom="0.74803149606299213" header="0.31496062992125984" footer="0.31496062992125984"/>
  <pageSetup paperSize="9" scale="70" orientation="landscape" r:id="rId1"/>
  <headerFooter>
    <oddFooter>&amp;C&amp;P</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35"/>
  <sheetViews>
    <sheetView view="pageBreakPreview" zoomScale="80" zoomScaleNormal="80" zoomScaleSheetLayoutView="80" zoomScalePageLayoutView="50" workbookViewId="0">
      <selection activeCell="B1" sqref="B1"/>
    </sheetView>
  </sheetViews>
  <sheetFormatPr defaultColWidth="14.59765625" defaultRowHeight="20.100000000000001" customHeight="1" x14ac:dyDescent="0.2"/>
  <cols>
    <col min="1" max="3" width="14.59765625" style="505"/>
    <col min="4" max="4" width="14.59765625" style="250"/>
    <col min="5" max="16384" width="14.59765625" style="505"/>
  </cols>
  <sheetData>
    <row r="1" spans="1:10" ht="20.100000000000001" customHeight="1" x14ac:dyDescent="0.2">
      <c r="A1" s="130" t="s">
        <v>166</v>
      </c>
    </row>
    <row r="2" spans="1:10" ht="20.100000000000001" customHeight="1" x14ac:dyDescent="0.2">
      <c r="A2" s="252" t="s">
        <v>167</v>
      </c>
      <c r="F2" s="169"/>
    </row>
    <row r="3" spans="1:10" ht="20.100000000000001" customHeight="1" thickBot="1" x14ac:dyDescent="0.25">
      <c r="A3" s="505" t="s">
        <v>51</v>
      </c>
      <c r="C3" s="169" t="s">
        <v>257</v>
      </c>
      <c r="F3" s="169"/>
    </row>
    <row r="4" spans="1:10" ht="20.100000000000001" customHeight="1" x14ac:dyDescent="0.2">
      <c r="A4" s="581" t="s">
        <v>7</v>
      </c>
      <c r="B4" s="608" t="s">
        <v>34</v>
      </c>
      <c r="C4" s="609"/>
      <c r="D4" s="610"/>
      <c r="E4" s="608" t="s">
        <v>35</v>
      </c>
      <c r="F4" s="609"/>
      <c r="G4" s="610"/>
      <c r="H4" s="608" t="s">
        <v>36</v>
      </c>
      <c r="I4" s="609"/>
      <c r="J4" s="610"/>
    </row>
    <row r="5" spans="1:10" ht="20.100000000000001" customHeight="1" thickBot="1" x14ac:dyDescent="0.25">
      <c r="A5" s="582"/>
      <c r="B5" s="253" t="s">
        <v>258</v>
      </c>
      <c r="C5" s="254" t="s">
        <v>240</v>
      </c>
      <c r="D5" s="255" t="s">
        <v>228</v>
      </c>
      <c r="E5" s="253" t="s">
        <v>258</v>
      </c>
      <c r="F5" s="254" t="s">
        <v>240</v>
      </c>
      <c r="G5" s="255" t="s">
        <v>228</v>
      </c>
      <c r="H5" s="253" t="s">
        <v>258</v>
      </c>
      <c r="I5" s="254" t="s">
        <v>240</v>
      </c>
      <c r="J5" s="255" t="s">
        <v>228</v>
      </c>
    </row>
    <row r="6" spans="1:10" ht="20.100000000000001" customHeight="1" thickTop="1" x14ac:dyDescent="0.2">
      <c r="A6" s="178" t="s">
        <v>89</v>
      </c>
      <c r="B6" s="21">
        <v>21</v>
      </c>
      <c r="C6" s="85">
        <v>7</v>
      </c>
      <c r="D6" s="256">
        <v>0.33333333333333331</v>
      </c>
      <c r="E6" s="21">
        <v>20</v>
      </c>
      <c r="F6" s="85">
        <v>7</v>
      </c>
      <c r="G6" s="256">
        <v>0.35</v>
      </c>
      <c r="H6" s="21">
        <v>1</v>
      </c>
      <c r="I6" s="85">
        <v>0</v>
      </c>
      <c r="J6" s="257">
        <v>0</v>
      </c>
    </row>
    <row r="7" spans="1:10" ht="20.100000000000001" customHeight="1" x14ac:dyDescent="0.2">
      <c r="A7" s="181" t="s">
        <v>90</v>
      </c>
      <c r="B7" s="23">
        <v>149</v>
      </c>
      <c r="C7" s="258">
        <v>25</v>
      </c>
      <c r="D7" s="256">
        <v>0.16778523489932887</v>
      </c>
      <c r="E7" s="23">
        <v>149</v>
      </c>
      <c r="F7" s="258">
        <v>23</v>
      </c>
      <c r="G7" s="257">
        <v>0.15436241610738255</v>
      </c>
      <c r="H7" s="23">
        <v>0</v>
      </c>
      <c r="I7" s="258">
        <v>2</v>
      </c>
      <c r="J7" s="562" t="s">
        <v>367</v>
      </c>
    </row>
    <row r="8" spans="1:10" ht="20.100000000000001" customHeight="1" x14ac:dyDescent="0.2">
      <c r="A8" s="181" t="s">
        <v>91</v>
      </c>
      <c r="B8" s="23">
        <v>251</v>
      </c>
      <c r="C8" s="258">
        <v>41</v>
      </c>
      <c r="D8" s="256">
        <v>0.16334661354581673</v>
      </c>
      <c r="E8" s="23">
        <v>250</v>
      </c>
      <c r="F8" s="258">
        <v>41</v>
      </c>
      <c r="G8" s="257">
        <v>0.16400000000000001</v>
      </c>
      <c r="H8" s="23">
        <v>1</v>
      </c>
      <c r="I8" s="258">
        <v>0</v>
      </c>
      <c r="J8" s="257">
        <v>0</v>
      </c>
    </row>
    <row r="9" spans="1:10" ht="20.100000000000001" customHeight="1" x14ac:dyDescent="0.2">
      <c r="A9" s="181" t="s">
        <v>92</v>
      </c>
      <c r="B9" s="23">
        <v>261</v>
      </c>
      <c r="C9" s="258">
        <v>34</v>
      </c>
      <c r="D9" s="256">
        <v>0.13026819923371646</v>
      </c>
      <c r="E9" s="23">
        <v>261</v>
      </c>
      <c r="F9" s="258">
        <v>32</v>
      </c>
      <c r="G9" s="257">
        <v>0.12260536398467432</v>
      </c>
      <c r="H9" s="23">
        <v>0</v>
      </c>
      <c r="I9" s="258">
        <v>2</v>
      </c>
      <c r="J9" s="562" t="s">
        <v>367</v>
      </c>
    </row>
    <row r="10" spans="1:10" ht="20.100000000000001" customHeight="1" x14ac:dyDescent="0.2">
      <c r="A10" s="181" t="s">
        <v>93</v>
      </c>
      <c r="B10" s="23">
        <v>287</v>
      </c>
      <c r="C10" s="258">
        <v>26</v>
      </c>
      <c r="D10" s="256">
        <v>9.0592334494773524E-2</v>
      </c>
      <c r="E10" s="23">
        <v>285</v>
      </c>
      <c r="F10" s="258">
        <v>26</v>
      </c>
      <c r="G10" s="257">
        <v>9.1228070175438603E-2</v>
      </c>
      <c r="H10" s="23">
        <v>2</v>
      </c>
      <c r="I10" s="258">
        <v>0</v>
      </c>
      <c r="J10" s="257">
        <v>0</v>
      </c>
    </row>
    <row r="11" spans="1:10" ht="20.100000000000001" customHeight="1" thickBot="1" x14ac:dyDescent="0.25">
      <c r="A11" s="193" t="s">
        <v>13</v>
      </c>
      <c r="B11" s="28">
        <v>685</v>
      </c>
      <c r="C11" s="87">
        <v>54</v>
      </c>
      <c r="D11" s="259">
        <v>7.8832116788321166E-2</v>
      </c>
      <c r="E11" s="28">
        <v>685</v>
      </c>
      <c r="F11" s="87">
        <v>53</v>
      </c>
      <c r="G11" s="259">
        <v>7.7372262773722625E-2</v>
      </c>
      <c r="H11" s="28">
        <v>0</v>
      </c>
      <c r="I11" s="87">
        <v>1</v>
      </c>
      <c r="J11" s="562" t="s">
        <v>367</v>
      </c>
    </row>
    <row r="12" spans="1:10" ht="20.100000000000001" customHeight="1" thickTop="1" thickBot="1" x14ac:dyDescent="0.25">
      <c r="A12" s="260" t="s">
        <v>18</v>
      </c>
      <c r="B12" s="1">
        <v>1654</v>
      </c>
      <c r="C12" s="3">
        <v>187</v>
      </c>
      <c r="D12" s="261">
        <v>0.11305925030229746</v>
      </c>
      <c r="E12" s="2">
        <v>1650</v>
      </c>
      <c r="F12" s="2">
        <v>182</v>
      </c>
      <c r="G12" s="261">
        <v>0.11030303030303031</v>
      </c>
      <c r="H12" s="2">
        <v>4</v>
      </c>
      <c r="I12" s="2">
        <v>5</v>
      </c>
      <c r="J12" s="261">
        <v>1.25</v>
      </c>
    </row>
    <row r="14" spans="1:10" ht="20.100000000000001" customHeight="1" thickBot="1" x14ac:dyDescent="0.25">
      <c r="A14" s="505" t="s">
        <v>52</v>
      </c>
    </row>
    <row r="15" spans="1:10" s="561" customFormat="1" ht="20.100000000000001" customHeight="1" x14ac:dyDescent="0.2">
      <c r="A15" s="581" t="s">
        <v>156</v>
      </c>
      <c r="B15" s="608" t="s">
        <v>34</v>
      </c>
      <c r="C15" s="609"/>
      <c r="D15" s="610"/>
      <c r="E15" s="608" t="s">
        <v>35</v>
      </c>
      <c r="F15" s="609"/>
      <c r="G15" s="610"/>
      <c r="H15" s="608" t="s">
        <v>36</v>
      </c>
      <c r="I15" s="609"/>
      <c r="J15" s="610"/>
    </row>
    <row r="16" spans="1:10" s="561" customFormat="1" ht="20.100000000000001" customHeight="1" thickBot="1" x14ac:dyDescent="0.25">
      <c r="A16" s="582"/>
      <c r="B16" s="253" t="s">
        <v>258</v>
      </c>
      <c r="C16" s="254" t="s">
        <v>240</v>
      </c>
      <c r="D16" s="255" t="s">
        <v>228</v>
      </c>
      <c r="E16" s="253" t="s">
        <v>258</v>
      </c>
      <c r="F16" s="254" t="s">
        <v>240</v>
      </c>
      <c r="G16" s="255" t="s">
        <v>228</v>
      </c>
      <c r="H16" s="253" t="s">
        <v>258</v>
      </c>
      <c r="I16" s="254" t="s">
        <v>240</v>
      </c>
      <c r="J16" s="255" t="s">
        <v>228</v>
      </c>
    </row>
    <row r="17" spans="1:10" ht="20.100000000000001" customHeight="1" thickTop="1" x14ac:dyDescent="0.2">
      <c r="A17" s="178" t="s">
        <v>37</v>
      </c>
      <c r="B17" s="21">
        <v>9</v>
      </c>
      <c r="C17" s="85">
        <v>1</v>
      </c>
      <c r="D17" s="256">
        <v>0.1111111111111111</v>
      </c>
      <c r="E17" s="21">
        <v>9</v>
      </c>
      <c r="F17" s="85">
        <v>1</v>
      </c>
      <c r="G17" s="256">
        <v>0.1111111111111111</v>
      </c>
      <c r="H17" s="21">
        <v>0</v>
      </c>
      <c r="I17" s="85">
        <v>0</v>
      </c>
      <c r="J17" s="563" t="s">
        <v>367</v>
      </c>
    </row>
    <row r="18" spans="1:10" ht="20.100000000000001" customHeight="1" x14ac:dyDescent="0.2">
      <c r="A18" s="181" t="s">
        <v>38</v>
      </c>
      <c r="B18" s="23">
        <v>32</v>
      </c>
      <c r="C18" s="258">
        <v>1</v>
      </c>
      <c r="D18" s="256">
        <v>3.125E-2</v>
      </c>
      <c r="E18" s="23">
        <v>32</v>
      </c>
      <c r="F18" s="258">
        <v>1</v>
      </c>
      <c r="G18" s="256">
        <v>3.125E-2</v>
      </c>
      <c r="H18" s="23">
        <v>0</v>
      </c>
      <c r="I18" s="258">
        <v>0</v>
      </c>
      <c r="J18" s="563" t="s">
        <v>367</v>
      </c>
    </row>
    <row r="19" spans="1:10" ht="20.100000000000001" customHeight="1" x14ac:dyDescent="0.2">
      <c r="A19" s="181" t="s">
        <v>39</v>
      </c>
      <c r="B19" s="23">
        <v>1603</v>
      </c>
      <c r="C19" s="258">
        <v>183</v>
      </c>
      <c r="D19" s="256">
        <v>0.1141609482220836</v>
      </c>
      <c r="E19" s="23">
        <v>1600</v>
      </c>
      <c r="F19" s="258">
        <v>178</v>
      </c>
      <c r="G19" s="256">
        <v>0.11125</v>
      </c>
      <c r="H19" s="23">
        <v>3</v>
      </c>
      <c r="I19" s="258">
        <v>5</v>
      </c>
      <c r="J19" s="256">
        <v>1.6666666666666667</v>
      </c>
    </row>
    <row r="20" spans="1:10" ht="20.100000000000001" customHeight="1" thickBot="1" x14ac:dyDescent="0.25">
      <c r="A20" s="193" t="s">
        <v>40</v>
      </c>
      <c r="B20" s="28">
        <v>10</v>
      </c>
      <c r="C20" s="87">
        <v>2</v>
      </c>
      <c r="D20" s="259">
        <v>0.2</v>
      </c>
      <c r="E20" s="28">
        <v>9</v>
      </c>
      <c r="F20" s="87">
        <v>2</v>
      </c>
      <c r="G20" s="259">
        <v>0.22222222222222221</v>
      </c>
      <c r="H20" s="28">
        <v>1</v>
      </c>
      <c r="I20" s="87">
        <v>0</v>
      </c>
      <c r="J20" s="256">
        <v>0</v>
      </c>
    </row>
    <row r="21" spans="1:10" ht="20.100000000000001" customHeight="1" thickTop="1" thickBot="1" x14ac:dyDescent="0.25">
      <c r="A21" s="189" t="s">
        <v>18</v>
      </c>
      <c r="B21" s="1">
        <v>1654</v>
      </c>
      <c r="C21" s="2">
        <v>187</v>
      </c>
      <c r="D21" s="261">
        <v>0.11305925030229746</v>
      </c>
      <c r="E21" s="1">
        <v>1650</v>
      </c>
      <c r="F21" s="2">
        <v>182</v>
      </c>
      <c r="G21" s="261">
        <v>0.11030303030303031</v>
      </c>
      <c r="H21" s="1">
        <v>4</v>
      </c>
      <c r="I21" s="2">
        <v>5</v>
      </c>
      <c r="J21" s="261">
        <v>1.25</v>
      </c>
    </row>
    <row r="23" spans="1:10" ht="20.100000000000001" customHeight="1" thickBot="1" x14ac:dyDescent="0.25">
      <c r="A23" s="505" t="s">
        <v>53</v>
      </c>
    </row>
    <row r="24" spans="1:10" s="561" customFormat="1" ht="20.100000000000001" customHeight="1" x14ac:dyDescent="0.2">
      <c r="A24" s="581" t="s">
        <v>41</v>
      </c>
      <c r="B24" s="608" t="s">
        <v>34</v>
      </c>
      <c r="C24" s="609"/>
      <c r="D24" s="610"/>
      <c r="E24" s="608" t="s">
        <v>35</v>
      </c>
      <c r="F24" s="609"/>
      <c r="G24" s="610"/>
      <c r="H24" s="608" t="s">
        <v>36</v>
      </c>
      <c r="I24" s="609"/>
      <c r="J24" s="610"/>
    </row>
    <row r="25" spans="1:10" s="561" customFormat="1" ht="20.100000000000001" customHeight="1" thickBot="1" x14ac:dyDescent="0.25">
      <c r="A25" s="582"/>
      <c r="B25" s="253" t="s">
        <v>258</v>
      </c>
      <c r="C25" s="254" t="s">
        <v>240</v>
      </c>
      <c r="D25" s="255" t="s">
        <v>228</v>
      </c>
      <c r="E25" s="253" t="s">
        <v>258</v>
      </c>
      <c r="F25" s="254" t="s">
        <v>240</v>
      </c>
      <c r="G25" s="255" t="s">
        <v>228</v>
      </c>
      <c r="H25" s="253" t="s">
        <v>258</v>
      </c>
      <c r="I25" s="254" t="s">
        <v>240</v>
      </c>
      <c r="J25" s="255" t="s">
        <v>228</v>
      </c>
    </row>
    <row r="26" spans="1:10" ht="20.100000000000001" customHeight="1" thickTop="1" x14ac:dyDescent="0.2">
      <c r="A26" s="178" t="s">
        <v>42</v>
      </c>
      <c r="B26" s="21">
        <v>792</v>
      </c>
      <c r="C26" s="85">
        <v>86</v>
      </c>
      <c r="D26" s="256">
        <v>0.10858585858585859</v>
      </c>
      <c r="E26" s="21">
        <v>792</v>
      </c>
      <c r="F26" s="85">
        <v>85</v>
      </c>
      <c r="G26" s="256">
        <v>0.10732323232323232</v>
      </c>
      <c r="H26" s="21">
        <v>0</v>
      </c>
      <c r="I26" s="85">
        <v>1</v>
      </c>
      <c r="J26" s="563" t="s">
        <v>367</v>
      </c>
    </row>
    <row r="27" spans="1:10" ht="20.100000000000001" customHeight="1" x14ac:dyDescent="0.2">
      <c r="A27" s="181" t="s">
        <v>43</v>
      </c>
      <c r="B27" s="23">
        <v>260</v>
      </c>
      <c r="C27" s="258">
        <v>30</v>
      </c>
      <c r="D27" s="256">
        <v>0.11538461538461539</v>
      </c>
      <c r="E27" s="23">
        <v>259</v>
      </c>
      <c r="F27" s="258">
        <v>28</v>
      </c>
      <c r="G27" s="256">
        <v>0.10810810810810811</v>
      </c>
      <c r="H27" s="23">
        <v>1</v>
      </c>
      <c r="I27" s="258">
        <v>2</v>
      </c>
      <c r="J27" s="256">
        <v>2</v>
      </c>
    </row>
    <row r="28" spans="1:10" ht="20.100000000000001" customHeight="1" x14ac:dyDescent="0.2">
      <c r="A28" s="181" t="s">
        <v>44</v>
      </c>
      <c r="B28" s="23">
        <v>148</v>
      </c>
      <c r="C28" s="258">
        <v>17</v>
      </c>
      <c r="D28" s="256">
        <v>0.11486486486486487</v>
      </c>
      <c r="E28" s="23">
        <v>148</v>
      </c>
      <c r="F28" s="258">
        <v>17</v>
      </c>
      <c r="G28" s="256">
        <v>0.11486486486486487</v>
      </c>
      <c r="H28" s="23">
        <v>0</v>
      </c>
      <c r="I28" s="258">
        <v>0</v>
      </c>
      <c r="J28" s="563" t="s">
        <v>367</v>
      </c>
    </row>
    <row r="29" spans="1:10" ht="20.100000000000001" customHeight="1" x14ac:dyDescent="0.2">
      <c r="A29" s="181" t="s">
        <v>45</v>
      </c>
      <c r="B29" s="23">
        <v>64</v>
      </c>
      <c r="C29" s="258">
        <v>11</v>
      </c>
      <c r="D29" s="256">
        <v>0.171875</v>
      </c>
      <c r="E29" s="23">
        <v>64</v>
      </c>
      <c r="F29" s="258">
        <v>11</v>
      </c>
      <c r="G29" s="256">
        <v>0.171875</v>
      </c>
      <c r="H29" s="23">
        <v>0</v>
      </c>
      <c r="I29" s="258">
        <v>0</v>
      </c>
      <c r="J29" s="563" t="s">
        <v>367</v>
      </c>
    </row>
    <row r="30" spans="1:10" ht="20.100000000000001" customHeight="1" x14ac:dyDescent="0.2">
      <c r="A30" s="181" t="s">
        <v>46</v>
      </c>
      <c r="B30" s="23">
        <v>50</v>
      </c>
      <c r="C30" s="258">
        <v>8</v>
      </c>
      <c r="D30" s="256">
        <v>0.16</v>
      </c>
      <c r="E30" s="23">
        <v>50</v>
      </c>
      <c r="F30" s="258">
        <v>8</v>
      </c>
      <c r="G30" s="256">
        <v>0.16</v>
      </c>
      <c r="H30" s="23">
        <v>0</v>
      </c>
      <c r="I30" s="258">
        <v>0</v>
      </c>
      <c r="J30" s="563" t="s">
        <v>367</v>
      </c>
    </row>
    <row r="31" spans="1:10" ht="20.100000000000001" customHeight="1" x14ac:dyDescent="0.2">
      <c r="A31" s="181" t="s">
        <v>47</v>
      </c>
      <c r="B31" s="23">
        <v>131</v>
      </c>
      <c r="C31" s="258">
        <v>16</v>
      </c>
      <c r="D31" s="256">
        <v>0.12213740458015267</v>
      </c>
      <c r="E31" s="23">
        <v>129</v>
      </c>
      <c r="F31" s="258">
        <v>14</v>
      </c>
      <c r="G31" s="256">
        <v>0.10852713178294573</v>
      </c>
      <c r="H31" s="23">
        <v>2</v>
      </c>
      <c r="I31" s="258">
        <v>2</v>
      </c>
      <c r="J31" s="256">
        <v>1</v>
      </c>
    </row>
    <row r="32" spans="1:10" ht="20.100000000000001" customHeight="1" x14ac:dyDescent="0.2">
      <c r="A32" s="181" t="s">
        <v>48</v>
      </c>
      <c r="B32" s="23">
        <v>153</v>
      </c>
      <c r="C32" s="258">
        <v>10</v>
      </c>
      <c r="D32" s="256">
        <v>6.535947712418301E-2</v>
      </c>
      <c r="E32" s="23">
        <v>152</v>
      </c>
      <c r="F32" s="258">
        <v>10</v>
      </c>
      <c r="G32" s="256">
        <v>6.5789473684210523E-2</v>
      </c>
      <c r="H32" s="23">
        <v>1</v>
      </c>
      <c r="I32" s="258">
        <v>0</v>
      </c>
      <c r="J32" s="256">
        <v>0</v>
      </c>
    </row>
    <row r="33" spans="1:10" ht="20.100000000000001" customHeight="1" thickBot="1" x14ac:dyDescent="0.25">
      <c r="A33" s="193" t="s">
        <v>49</v>
      </c>
      <c r="B33" s="28">
        <v>56</v>
      </c>
      <c r="C33" s="87">
        <v>9</v>
      </c>
      <c r="D33" s="259">
        <v>0.16071428571428573</v>
      </c>
      <c r="E33" s="28">
        <v>56</v>
      </c>
      <c r="F33" s="87">
        <v>9</v>
      </c>
      <c r="G33" s="259">
        <v>0.16071428571428573</v>
      </c>
      <c r="H33" s="28">
        <v>0</v>
      </c>
      <c r="I33" s="87">
        <v>0</v>
      </c>
      <c r="J33" s="563" t="s">
        <v>367</v>
      </c>
    </row>
    <row r="34" spans="1:10" ht="20.100000000000001" customHeight="1" thickTop="1" thickBot="1" x14ac:dyDescent="0.25">
      <c r="A34" s="260" t="s">
        <v>14</v>
      </c>
      <c r="B34" s="1">
        <v>1654</v>
      </c>
      <c r="C34" s="2">
        <v>187</v>
      </c>
      <c r="D34" s="261">
        <v>0.11305925030229746</v>
      </c>
      <c r="E34" s="1">
        <v>1650</v>
      </c>
      <c r="F34" s="2">
        <v>182</v>
      </c>
      <c r="G34" s="261">
        <v>0.11030303030303031</v>
      </c>
      <c r="H34" s="1">
        <v>4</v>
      </c>
      <c r="I34" s="2">
        <v>5</v>
      </c>
      <c r="J34" s="261">
        <v>1.25</v>
      </c>
    </row>
    <row r="35" spans="1:10" ht="20.100000000000001" customHeight="1" x14ac:dyDescent="0.2">
      <c r="E35" s="252"/>
      <c r="F35" s="252"/>
      <c r="G35" s="252"/>
      <c r="H35" s="252"/>
      <c r="I35" s="252"/>
    </row>
  </sheetData>
  <mergeCells count="12">
    <mergeCell ref="A24:A25"/>
    <mergeCell ref="B24:D24"/>
    <mergeCell ref="E24:G24"/>
    <mergeCell ref="H24:J24"/>
    <mergeCell ref="A4:A5"/>
    <mergeCell ref="B4:D4"/>
    <mergeCell ref="E4:G4"/>
    <mergeCell ref="H4:J4"/>
    <mergeCell ref="A15:A16"/>
    <mergeCell ref="B15:D15"/>
    <mergeCell ref="E15:G15"/>
    <mergeCell ref="H15:J15"/>
  </mergeCells>
  <phoneticPr fontId="1"/>
  <pageMargins left="0.82677165354330717" right="0.23622047244094491" top="0.74803149606299213" bottom="0.74803149606299213" header="0.31496062992125984" footer="0.31496062992125984"/>
  <pageSetup paperSize="9" scale="70" orientation="landscape" r:id="rId1"/>
  <headerFooter>
    <oddFooter>&amp;C&amp;P</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35"/>
  <sheetViews>
    <sheetView view="pageBreakPreview" zoomScale="80" zoomScaleNormal="80" zoomScaleSheetLayoutView="80" zoomScalePageLayoutView="50" workbookViewId="0">
      <selection activeCell="B1" sqref="B1"/>
    </sheetView>
  </sheetViews>
  <sheetFormatPr defaultColWidth="14.59765625" defaultRowHeight="20.100000000000001" customHeight="1" x14ac:dyDescent="0.2"/>
  <cols>
    <col min="1" max="3" width="14.59765625" style="505"/>
    <col min="4" max="4" width="14.59765625" style="250"/>
    <col min="5" max="16384" width="14.59765625" style="505"/>
  </cols>
  <sheetData>
    <row r="1" spans="1:10" ht="20.100000000000001" customHeight="1" x14ac:dyDescent="0.2">
      <c r="A1" s="130" t="s">
        <v>166</v>
      </c>
    </row>
    <row r="2" spans="1:10" ht="20.100000000000001" customHeight="1" x14ac:dyDescent="0.2">
      <c r="A2" s="252" t="s">
        <v>168</v>
      </c>
      <c r="E2" s="169"/>
      <c r="F2" s="169"/>
    </row>
    <row r="3" spans="1:10" ht="20.100000000000001" customHeight="1" thickBot="1" x14ac:dyDescent="0.25">
      <c r="A3" s="505" t="s">
        <v>51</v>
      </c>
      <c r="C3" s="169" t="s">
        <v>257</v>
      </c>
      <c r="F3" s="169"/>
    </row>
    <row r="4" spans="1:10" ht="20.100000000000001" customHeight="1" x14ac:dyDescent="0.2">
      <c r="A4" s="581" t="s">
        <v>7</v>
      </c>
      <c r="B4" s="608" t="s">
        <v>34</v>
      </c>
      <c r="C4" s="609"/>
      <c r="D4" s="610"/>
      <c r="E4" s="608" t="s">
        <v>35</v>
      </c>
      <c r="F4" s="609"/>
      <c r="G4" s="610"/>
      <c r="H4" s="608" t="s">
        <v>36</v>
      </c>
      <c r="I4" s="609"/>
      <c r="J4" s="610"/>
    </row>
    <row r="5" spans="1:10" ht="20.100000000000001" customHeight="1" thickBot="1" x14ac:dyDescent="0.25">
      <c r="A5" s="582"/>
      <c r="B5" s="253" t="s">
        <v>258</v>
      </c>
      <c r="C5" s="254" t="s">
        <v>240</v>
      </c>
      <c r="D5" s="255" t="s">
        <v>227</v>
      </c>
      <c r="E5" s="253" t="s">
        <v>258</v>
      </c>
      <c r="F5" s="254" t="s">
        <v>240</v>
      </c>
      <c r="G5" s="255" t="s">
        <v>228</v>
      </c>
      <c r="H5" s="253" t="s">
        <v>258</v>
      </c>
      <c r="I5" s="254" t="s">
        <v>240</v>
      </c>
      <c r="J5" s="255" t="s">
        <v>228</v>
      </c>
    </row>
    <row r="6" spans="1:10" ht="20.100000000000001" customHeight="1" thickTop="1" x14ac:dyDescent="0.2">
      <c r="A6" s="178" t="s">
        <v>89</v>
      </c>
      <c r="B6" s="21">
        <v>1</v>
      </c>
      <c r="C6" s="85">
        <v>0</v>
      </c>
      <c r="D6" s="256">
        <v>0</v>
      </c>
      <c r="E6" s="21">
        <v>1</v>
      </c>
      <c r="F6" s="85">
        <v>0</v>
      </c>
      <c r="G6" s="256">
        <v>0</v>
      </c>
      <c r="H6" s="21">
        <v>0</v>
      </c>
      <c r="I6" s="85">
        <v>0</v>
      </c>
      <c r="J6" s="562" t="s">
        <v>367</v>
      </c>
    </row>
    <row r="7" spans="1:10" ht="20.100000000000001" customHeight="1" x14ac:dyDescent="0.2">
      <c r="A7" s="181" t="s">
        <v>90</v>
      </c>
      <c r="B7" s="23">
        <v>44</v>
      </c>
      <c r="C7" s="258">
        <v>9</v>
      </c>
      <c r="D7" s="256">
        <v>0.20454545454545456</v>
      </c>
      <c r="E7" s="23">
        <v>44</v>
      </c>
      <c r="F7" s="258">
        <v>9</v>
      </c>
      <c r="G7" s="257">
        <v>0.20454545454545456</v>
      </c>
      <c r="H7" s="23">
        <v>0</v>
      </c>
      <c r="I7" s="258">
        <v>0</v>
      </c>
      <c r="J7" s="562" t="s">
        <v>367</v>
      </c>
    </row>
    <row r="8" spans="1:10" ht="20.100000000000001" customHeight="1" x14ac:dyDescent="0.2">
      <c r="A8" s="181" t="s">
        <v>91</v>
      </c>
      <c r="B8" s="23">
        <v>67</v>
      </c>
      <c r="C8" s="258">
        <v>18</v>
      </c>
      <c r="D8" s="256">
        <v>0.26865671641791045</v>
      </c>
      <c r="E8" s="23">
        <v>67</v>
      </c>
      <c r="F8" s="258">
        <v>18</v>
      </c>
      <c r="G8" s="257">
        <v>0.26865671641791045</v>
      </c>
      <c r="H8" s="23">
        <v>0</v>
      </c>
      <c r="I8" s="258">
        <v>0</v>
      </c>
      <c r="J8" s="562" t="s">
        <v>367</v>
      </c>
    </row>
    <row r="9" spans="1:10" ht="20.100000000000001" customHeight="1" x14ac:dyDescent="0.2">
      <c r="A9" s="181" t="s">
        <v>92</v>
      </c>
      <c r="B9" s="23">
        <v>206</v>
      </c>
      <c r="C9" s="258">
        <v>19</v>
      </c>
      <c r="D9" s="256">
        <v>9.2233009708737865E-2</v>
      </c>
      <c r="E9" s="23">
        <v>206</v>
      </c>
      <c r="F9" s="258">
        <v>19</v>
      </c>
      <c r="G9" s="257">
        <v>9.2233009708737865E-2</v>
      </c>
      <c r="H9" s="23">
        <v>0</v>
      </c>
      <c r="I9" s="258">
        <v>0</v>
      </c>
      <c r="J9" s="562" t="s">
        <v>367</v>
      </c>
    </row>
    <row r="10" spans="1:10" ht="20.100000000000001" customHeight="1" x14ac:dyDescent="0.2">
      <c r="A10" s="181" t="s">
        <v>93</v>
      </c>
      <c r="B10" s="23">
        <v>182</v>
      </c>
      <c r="C10" s="258">
        <v>16</v>
      </c>
      <c r="D10" s="256">
        <v>8.7912087912087919E-2</v>
      </c>
      <c r="E10" s="23">
        <v>182</v>
      </c>
      <c r="F10" s="258">
        <v>16</v>
      </c>
      <c r="G10" s="257">
        <v>8.7912087912087919E-2</v>
      </c>
      <c r="H10" s="23">
        <v>0</v>
      </c>
      <c r="I10" s="258">
        <v>0</v>
      </c>
      <c r="J10" s="562" t="s">
        <v>367</v>
      </c>
    </row>
    <row r="11" spans="1:10" ht="20.100000000000001" customHeight="1" thickBot="1" x14ac:dyDescent="0.25">
      <c r="A11" s="193" t="s">
        <v>13</v>
      </c>
      <c r="B11" s="28">
        <v>754</v>
      </c>
      <c r="C11" s="87">
        <v>87</v>
      </c>
      <c r="D11" s="259">
        <v>0.11538461538461539</v>
      </c>
      <c r="E11" s="28">
        <v>754</v>
      </c>
      <c r="F11" s="87">
        <v>87</v>
      </c>
      <c r="G11" s="259">
        <v>0.11538461538461539</v>
      </c>
      <c r="H11" s="28">
        <v>0</v>
      </c>
      <c r="I11" s="87">
        <v>0</v>
      </c>
      <c r="J11" s="562" t="s">
        <v>367</v>
      </c>
    </row>
    <row r="12" spans="1:10" ht="20.100000000000001" customHeight="1" thickTop="1" thickBot="1" x14ac:dyDescent="0.25">
      <c r="A12" s="260" t="s">
        <v>18</v>
      </c>
      <c r="B12" s="1">
        <v>1254</v>
      </c>
      <c r="C12" s="3">
        <v>149</v>
      </c>
      <c r="D12" s="261">
        <v>0.11881977671451356</v>
      </c>
      <c r="E12" s="2">
        <v>1254</v>
      </c>
      <c r="F12" s="2">
        <v>149</v>
      </c>
      <c r="G12" s="261">
        <v>0.11881977671451356</v>
      </c>
      <c r="H12" s="2">
        <v>0</v>
      </c>
      <c r="I12" s="2">
        <v>0</v>
      </c>
      <c r="J12" s="564" t="s">
        <v>367</v>
      </c>
    </row>
    <row r="14" spans="1:10" ht="20.100000000000001" customHeight="1" thickBot="1" x14ac:dyDescent="0.25">
      <c r="A14" s="505" t="s">
        <v>52</v>
      </c>
    </row>
    <row r="15" spans="1:10" s="561" customFormat="1" ht="20.100000000000001" customHeight="1" x14ac:dyDescent="0.2">
      <c r="A15" s="581" t="s">
        <v>157</v>
      </c>
      <c r="B15" s="608" t="s">
        <v>34</v>
      </c>
      <c r="C15" s="609"/>
      <c r="D15" s="610"/>
      <c r="E15" s="608" t="s">
        <v>35</v>
      </c>
      <c r="F15" s="609"/>
      <c r="G15" s="610"/>
      <c r="H15" s="608" t="s">
        <v>36</v>
      </c>
      <c r="I15" s="609"/>
      <c r="J15" s="610"/>
    </row>
    <row r="16" spans="1:10" s="561" customFormat="1" ht="20.100000000000001" customHeight="1" thickBot="1" x14ac:dyDescent="0.25">
      <c r="A16" s="582"/>
      <c r="B16" s="253" t="s">
        <v>258</v>
      </c>
      <c r="C16" s="254" t="s">
        <v>240</v>
      </c>
      <c r="D16" s="255" t="s">
        <v>227</v>
      </c>
      <c r="E16" s="253" t="s">
        <v>258</v>
      </c>
      <c r="F16" s="254" t="s">
        <v>240</v>
      </c>
      <c r="G16" s="255" t="s">
        <v>228</v>
      </c>
      <c r="H16" s="253" t="s">
        <v>258</v>
      </c>
      <c r="I16" s="254" t="s">
        <v>240</v>
      </c>
      <c r="J16" s="255" t="s">
        <v>228</v>
      </c>
    </row>
    <row r="17" spans="1:10" ht="20.100000000000001" customHeight="1" thickTop="1" x14ac:dyDescent="0.2">
      <c r="A17" s="178" t="s">
        <v>37</v>
      </c>
      <c r="B17" s="21">
        <v>16</v>
      </c>
      <c r="C17" s="85">
        <v>4</v>
      </c>
      <c r="D17" s="256">
        <v>0.25</v>
      </c>
      <c r="E17" s="21">
        <v>16</v>
      </c>
      <c r="F17" s="85">
        <v>4</v>
      </c>
      <c r="G17" s="256">
        <v>0.25</v>
      </c>
      <c r="H17" s="21">
        <v>0</v>
      </c>
      <c r="I17" s="85">
        <v>0</v>
      </c>
      <c r="J17" s="563" t="s">
        <v>367</v>
      </c>
    </row>
    <row r="18" spans="1:10" ht="20.100000000000001" customHeight="1" x14ac:dyDescent="0.2">
      <c r="A18" s="181" t="s">
        <v>38</v>
      </c>
      <c r="B18" s="23">
        <v>59</v>
      </c>
      <c r="C18" s="258">
        <v>8</v>
      </c>
      <c r="D18" s="256">
        <v>0.13559322033898305</v>
      </c>
      <c r="E18" s="23">
        <v>59</v>
      </c>
      <c r="F18" s="258">
        <v>8</v>
      </c>
      <c r="G18" s="256">
        <v>0.13559322033898305</v>
      </c>
      <c r="H18" s="23">
        <v>0</v>
      </c>
      <c r="I18" s="258">
        <v>0</v>
      </c>
      <c r="J18" s="563" t="s">
        <v>367</v>
      </c>
    </row>
    <row r="19" spans="1:10" ht="20.100000000000001" customHeight="1" x14ac:dyDescent="0.2">
      <c r="A19" s="181" t="s">
        <v>39</v>
      </c>
      <c r="B19" s="23">
        <v>1166</v>
      </c>
      <c r="C19" s="258">
        <v>133</v>
      </c>
      <c r="D19" s="256">
        <v>0.11406518010291596</v>
      </c>
      <c r="E19" s="23">
        <v>1166</v>
      </c>
      <c r="F19" s="258">
        <v>133</v>
      </c>
      <c r="G19" s="256">
        <v>0.11406518010291596</v>
      </c>
      <c r="H19" s="23">
        <v>0</v>
      </c>
      <c r="I19" s="258">
        <v>0</v>
      </c>
      <c r="J19" s="563" t="s">
        <v>367</v>
      </c>
    </row>
    <row r="20" spans="1:10" ht="20.100000000000001" customHeight="1" thickBot="1" x14ac:dyDescent="0.25">
      <c r="A20" s="193" t="s">
        <v>40</v>
      </c>
      <c r="B20" s="28">
        <v>13</v>
      </c>
      <c r="C20" s="87">
        <v>4</v>
      </c>
      <c r="D20" s="259">
        <v>0.30769230769230771</v>
      </c>
      <c r="E20" s="28">
        <v>13</v>
      </c>
      <c r="F20" s="87">
        <v>4</v>
      </c>
      <c r="G20" s="259">
        <v>0.30769230769230771</v>
      </c>
      <c r="H20" s="28">
        <v>0</v>
      </c>
      <c r="I20" s="87">
        <v>0</v>
      </c>
      <c r="J20" s="563" t="s">
        <v>367</v>
      </c>
    </row>
    <row r="21" spans="1:10" ht="20.100000000000001" customHeight="1" thickTop="1" thickBot="1" x14ac:dyDescent="0.25">
      <c r="A21" s="189" t="s">
        <v>18</v>
      </c>
      <c r="B21" s="1">
        <v>1254</v>
      </c>
      <c r="C21" s="2">
        <v>149</v>
      </c>
      <c r="D21" s="261">
        <v>0.11881977671451356</v>
      </c>
      <c r="E21" s="1">
        <v>1254</v>
      </c>
      <c r="F21" s="2">
        <v>149</v>
      </c>
      <c r="G21" s="261">
        <v>0.11881977671451356</v>
      </c>
      <c r="H21" s="1">
        <v>0</v>
      </c>
      <c r="I21" s="2">
        <v>0</v>
      </c>
      <c r="J21" s="564" t="s">
        <v>367</v>
      </c>
    </row>
    <row r="23" spans="1:10" ht="20.100000000000001" customHeight="1" thickBot="1" x14ac:dyDescent="0.25">
      <c r="A23" s="505" t="s">
        <v>53</v>
      </c>
    </row>
    <row r="24" spans="1:10" s="561" customFormat="1" ht="20.100000000000001" customHeight="1" x14ac:dyDescent="0.2">
      <c r="A24" s="581" t="s">
        <v>41</v>
      </c>
      <c r="B24" s="608" t="s">
        <v>34</v>
      </c>
      <c r="C24" s="609"/>
      <c r="D24" s="610"/>
      <c r="E24" s="608" t="s">
        <v>35</v>
      </c>
      <c r="F24" s="609"/>
      <c r="G24" s="610"/>
      <c r="H24" s="608" t="s">
        <v>36</v>
      </c>
      <c r="I24" s="609"/>
      <c r="J24" s="610"/>
    </row>
    <row r="25" spans="1:10" s="561" customFormat="1" ht="20.100000000000001" customHeight="1" thickBot="1" x14ac:dyDescent="0.25">
      <c r="A25" s="582"/>
      <c r="B25" s="253" t="s">
        <v>258</v>
      </c>
      <c r="C25" s="254" t="s">
        <v>240</v>
      </c>
      <c r="D25" s="255" t="s">
        <v>227</v>
      </c>
      <c r="E25" s="253" t="s">
        <v>258</v>
      </c>
      <c r="F25" s="254" t="s">
        <v>240</v>
      </c>
      <c r="G25" s="255" t="s">
        <v>228</v>
      </c>
      <c r="H25" s="253" t="s">
        <v>258</v>
      </c>
      <c r="I25" s="254" t="s">
        <v>240</v>
      </c>
      <c r="J25" s="255" t="s">
        <v>228</v>
      </c>
    </row>
    <row r="26" spans="1:10" ht="20.100000000000001" customHeight="1" thickTop="1" x14ac:dyDescent="0.2">
      <c r="A26" s="178" t="s">
        <v>42</v>
      </c>
      <c r="B26" s="21">
        <v>649</v>
      </c>
      <c r="C26" s="85">
        <v>83</v>
      </c>
      <c r="D26" s="256">
        <v>0.12788906009244994</v>
      </c>
      <c r="E26" s="21">
        <v>649</v>
      </c>
      <c r="F26" s="85">
        <v>83</v>
      </c>
      <c r="G26" s="256">
        <v>0.12788906009244994</v>
      </c>
      <c r="H26" s="21">
        <v>0</v>
      </c>
      <c r="I26" s="85">
        <v>0</v>
      </c>
      <c r="J26" s="563" t="s">
        <v>367</v>
      </c>
    </row>
    <row r="27" spans="1:10" ht="20.100000000000001" customHeight="1" x14ac:dyDescent="0.2">
      <c r="A27" s="181" t="s">
        <v>43</v>
      </c>
      <c r="B27" s="23">
        <v>306</v>
      </c>
      <c r="C27" s="258">
        <v>34</v>
      </c>
      <c r="D27" s="256">
        <v>0.1111111111111111</v>
      </c>
      <c r="E27" s="23">
        <v>306</v>
      </c>
      <c r="F27" s="258">
        <v>34</v>
      </c>
      <c r="G27" s="256">
        <v>0.1111111111111111</v>
      </c>
      <c r="H27" s="23">
        <v>0</v>
      </c>
      <c r="I27" s="258">
        <v>0</v>
      </c>
      <c r="J27" s="563" t="s">
        <v>367</v>
      </c>
    </row>
    <row r="28" spans="1:10" ht="20.100000000000001" customHeight="1" x14ac:dyDescent="0.2">
      <c r="A28" s="181" t="s">
        <v>44</v>
      </c>
      <c r="B28" s="23">
        <v>111</v>
      </c>
      <c r="C28" s="258">
        <v>11</v>
      </c>
      <c r="D28" s="256">
        <v>9.90990990990991E-2</v>
      </c>
      <c r="E28" s="23">
        <v>111</v>
      </c>
      <c r="F28" s="258">
        <v>11</v>
      </c>
      <c r="G28" s="256">
        <v>9.90990990990991E-2</v>
      </c>
      <c r="H28" s="23">
        <v>0</v>
      </c>
      <c r="I28" s="258">
        <v>0</v>
      </c>
      <c r="J28" s="563" t="s">
        <v>367</v>
      </c>
    </row>
    <row r="29" spans="1:10" ht="20.100000000000001" customHeight="1" x14ac:dyDescent="0.2">
      <c r="A29" s="181" t="s">
        <v>45</v>
      </c>
      <c r="B29" s="23">
        <v>94</v>
      </c>
      <c r="C29" s="258">
        <v>11</v>
      </c>
      <c r="D29" s="256">
        <v>0.11702127659574468</v>
      </c>
      <c r="E29" s="23">
        <v>94</v>
      </c>
      <c r="F29" s="258">
        <v>11</v>
      </c>
      <c r="G29" s="256">
        <v>0.11702127659574468</v>
      </c>
      <c r="H29" s="23">
        <v>0</v>
      </c>
      <c r="I29" s="258">
        <v>0</v>
      </c>
      <c r="J29" s="563" t="s">
        <v>367</v>
      </c>
    </row>
    <row r="30" spans="1:10" ht="20.100000000000001" customHeight="1" x14ac:dyDescent="0.2">
      <c r="A30" s="181" t="s">
        <v>46</v>
      </c>
      <c r="B30" s="23">
        <v>7</v>
      </c>
      <c r="C30" s="258">
        <v>0</v>
      </c>
      <c r="D30" s="256">
        <v>0</v>
      </c>
      <c r="E30" s="23">
        <v>7</v>
      </c>
      <c r="F30" s="258">
        <v>0</v>
      </c>
      <c r="G30" s="256">
        <v>0</v>
      </c>
      <c r="H30" s="23">
        <v>0</v>
      </c>
      <c r="I30" s="258">
        <v>0</v>
      </c>
      <c r="J30" s="563" t="s">
        <v>367</v>
      </c>
    </row>
    <row r="31" spans="1:10" ht="20.100000000000001" customHeight="1" x14ac:dyDescent="0.2">
      <c r="A31" s="181" t="s">
        <v>47</v>
      </c>
      <c r="B31" s="23">
        <v>45</v>
      </c>
      <c r="C31" s="258">
        <v>1</v>
      </c>
      <c r="D31" s="256">
        <v>2.2222222222222223E-2</v>
      </c>
      <c r="E31" s="23">
        <v>45</v>
      </c>
      <c r="F31" s="258">
        <v>1</v>
      </c>
      <c r="G31" s="256">
        <v>2.2222222222222223E-2</v>
      </c>
      <c r="H31" s="23">
        <v>0</v>
      </c>
      <c r="I31" s="258">
        <v>0</v>
      </c>
      <c r="J31" s="563" t="s">
        <v>367</v>
      </c>
    </row>
    <row r="32" spans="1:10" ht="20.100000000000001" customHeight="1" x14ac:dyDescent="0.2">
      <c r="A32" s="181" t="s">
        <v>48</v>
      </c>
      <c r="B32" s="23">
        <v>40</v>
      </c>
      <c r="C32" s="258">
        <v>9</v>
      </c>
      <c r="D32" s="256">
        <v>0.22500000000000001</v>
      </c>
      <c r="E32" s="23">
        <v>40</v>
      </c>
      <c r="F32" s="258">
        <v>9</v>
      </c>
      <c r="G32" s="256">
        <v>0.22500000000000001</v>
      </c>
      <c r="H32" s="23">
        <v>0</v>
      </c>
      <c r="I32" s="258">
        <v>0</v>
      </c>
      <c r="J32" s="563" t="s">
        <v>367</v>
      </c>
    </row>
    <row r="33" spans="1:10" ht="20.100000000000001" customHeight="1" thickBot="1" x14ac:dyDescent="0.25">
      <c r="A33" s="193" t="s">
        <v>49</v>
      </c>
      <c r="B33" s="28">
        <v>2</v>
      </c>
      <c r="C33" s="87">
        <v>0</v>
      </c>
      <c r="D33" s="259">
        <v>0</v>
      </c>
      <c r="E33" s="28">
        <v>2</v>
      </c>
      <c r="F33" s="87">
        <v>0</v>
      </c>
      <c r="G33" s="259">
        <v>0</v>
      </c>
      <c r="H33" s="28">
        <v>0</v>
      </c>
      <c r="I33" s="87">
        <v>0</v>
      </c>
      <c r="J33" s="563" t="s">
        <v>367</v>
      </c>
    </row>
    <row r="34" spans="1:10" ht="20.100000000000001" customHeight="1" thickTop="1" thickBot="1" x14ac:dyDescent="0.25">
      <c r="A34" s="260" t="s">
        <v>14</v>
      </c>
      <c r="B34" s="1">
        <v>1254</v>
      </c>
      <c r="C34" s="2">
        <v>149</v>
      </c>
      <c r="D34" s="261">
        <v>0.11881977671451356</v>
      </c>
      <c r="E34" s="1">
        <v>1254</v>
      </c>
      <c r="F34" s="2">
        <v>149</v>
      </c>
      <c r="G34" s="261">
        <v>0.11881977671451356</v>
      </c>
      <c r="H34" s="1">
        <v>0</v>
      </c>
      <c r="I34" s="2">
        <v>0</v>
      </c>
      <c r="J34" s="564" t="s">
        <v>367</v>
      </c>
    </row>
    <row r="35" spans="1:10" ht="20.100000000000001" customHeight="1" x14ac:dyDescent="0.2">
      <c r="E35" s="252"/>
      <c r="F35" s="252"/>
      <c r="G35" s="252"/>
      <c r="H35" s="252"/>
      <c r="I35" s="252"/>
    </row>
  </sheetData>
  <mergeCells count="12">
    <mergeCell ref="A24:A25"/>
    <mergeCell ref="B24:D24"/>
    <mergeCell ref="E24:G24"/>
    <mergeCell ref="H24:J24"/>
    <mergeCell ref="A4:A5"/>
    <mergeCell ref="B4:D4"/>
    <mergeCell ref="E4:G4"/>
    <mergeCell ref="H4:J4"/>
    <mergeCell ref="A15:A16"/>
    <mergeCell ref="B15:D15"/>
    <mergeCell ref="E15:G15"/>
    <mergeCell ref="H15:J15"/>
  </mergeCells>
  <phoneticPr fontId="1"/>
  <pageMargins left="0.82677165354330717" right="0.23622047244094491" top="0.74803149606299213" bottom="0.74803149606299213" header="0.31496062992125984" footer="0.31496062992125984"/>
  <pageSetup paperSize="9" scale="70" orientation="landscape" r:id="rId1"/>
  <headerFooter>
    <oddFooter>&amp;C&amp;P</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37"/>
  <sheetViews>
    <sheetView view="pageBreakPreview" zoomScale="80" zoomScaleNormal="80" zoomScaleSheetLayoutView="80" zoomScalePageLayoutView="45" workbookViewId="0"/>
  </sheetViews>
  <sheetFormatPr defaultColWidth="7.59765625" defaultRowHeight="20.100000000000001" customHeight="1" x14ac:dyDescent="0.2"/>
  <cols>
    <col min="1" max="2" width="7.59765625" style="163"/>
    <col min="3" max="20" width="7.69921875" style="163" customWidth="1"/>
    <col min="21" max="16384" width="7.59765625" style="163"/>
  </cols>
  <sheetData>
    <row r="1" spans="1:23" ht="20.100000000000001" customHeight="1" x14ac:dyDescent="0.2">
      <c r="A1" s="130" t="s">
        <v>216</v>
      </c>
    </row>
    <row r="2" spans="1:23" ht="20.100000000000001" customHeight="1" x14ac:dyDescent="0.2">
      <c r="A2" s="252"/>
    </row>
    <row r="3" spans="1:23" ht="20.100000000000001" customHeight="1" thickBot="1" x14ac:dyDescent="0.25">
      <c r="A3" s="163" t="s">
        <v>60</v>
      </c>
    </row>
    <row r="4" spans="1:23" ht="20.100000000000001" customHeight="1" thickBot="1" x14ac:dyDescent="0.25">
      <c r="A4" s="623" t="s">
        <v>7</v>
      </c>
      <c r="B4" s="624"/>
      <c r="C4" s="623" t="s">
        <v>242</v>
      </c>
      <c r="D4" s="627"/>
      <c r="E4" s="627"/>
      <c r="F4" s="627"/>
      <c r="G4" s="627"/>
      <c r="H4" s="627"/>
      <c r="I4" s="627"/>
      <c r="J4" s="627"/>
      <c r="K4" s="624"/>
      <c r="L4" s="623" t="s">
        <v>243</v>
      </c>
      <c r="M4" s="627"/>
      <c r="N4" s="627"/>
      <c r="O4" s="627"/>
      <c r="P4" s="627"/>
      <c r="Q4" s="627"/>
      <c r="R4" s="627"/>
      <c r="S4" s="627"/>
      <c r="T4" s="624"/>
      <c r="U4" s="608" t="s">
        <v>244</v>
      </c>
      <c r="V4" s="609"/>
      <c r="W4" s="610"/>
    </row>
    <row r="5" spans="1:23" ht="20.100000000000001" customHeight="1" x14ac:dyDescent="0.2">
      <c r="A5" s="619"/>
      <c r="B5" s="620"/>
      <c r="C5" s="631" t="s">
        <v>61</v>
      </c>
      <c r="D5" s="632"/>
      <c r="E5" s="633"/>
      <c r="F5" s="631" t="s">
        <v>62</v>
      </c>
      <c r="G5" s="632"/>
      <c r="H5" s="633"/>
      <c r="I5" s="631" t="s">
        <v>63</v>
      </c>
      <c r="J5" s="632"/>
      <c r="K5" s="633"/>
      <c r="L5" s="631" t="s">
        <v>61</v>
      </c>
      <c r="M5" s="632"/>
      <c r="N5" s="633"/>
      <c r="O5" s="631" t="s">
        <v>62</v>
      </c>
      <c r="P5" s="632"/>
      <c r="Q5" s="633"/>
      <c r="R5" s="631" t="s">
        <v>63</v>
      </c>
      <c r="S5" s="632"/>
      <c r="T5" s="633"/>
      <c r="U5" s="628"/>
      <c r="V5" s="629"/>
      <c r="W5" s="630"/>
    </row>
    <row r="6" spans="1:23" ht="20.100000000000001" customHeight="1" thickBot="1" x14ac:dyDescent="0.25">
      <c r="A6" s="625"/>
      <c r="B6" s="626"/>
      <c r="C6" s="262" t="s">
        <v>64</v>
      </c>
      <c r="D6" s="263" t="s">
        <v>65</v>
      </c>
      <c r="E6" s="264" t="s">
        <v>66</v>
      </c>
      <c r="F6" s="262" t="s">
        <v>64</v>
      </c>
      <c r="G6" s="263" t="s">
        <v>65</v>
      </c>
      <c r="H6" s="264" t="s">
        <v>66</v>
      </c>
      <c r="I6" s="262" t="s">
        <v>64</v>
      </c>
      <c r="J6" s="265" t="s">
        <v>65</v>
      </c>
      <c r="K6" s="266" t="s">
        <v>66</v>
      </c>
      <c r="L6" s="262" t="s">
        <v>64</v>
      </c>
      <c r="M6" s="263" t="s">
        <v>65</v>
      </c>
      <c r="N6" s="264" t="s">
        <v>66</v>
      </c>
      <c r="O6" s="262" t="s">
        <v>64</v>
      </c>
      <c r="P6" s="263" t="s">
        <v>65</v>
      </c>
      <c r="Q6" s="264" t="s">
        <v>66</v>
      </c>
      <c r="R6" s="262" t="s">
        <v>64</v>
      </c>
      <c r="S6" s="263" t="s">
        <v>65</v>
      </c>
      <c r="T6" s="264" t="s">
        <v>66</v>
      </c>
      <c r="U6" s="262" t="s">
        <v>64</v>
      </c>
      <c r="V6" s="263" t="s">
        <v>65</v>
      </c>
      <c r="W6" s="267" t="s">
        <v>66</v>
      </c>
    </row>
    <row r="7" spans="1:23" ht="20.100000000000001" customHeight="1" thickTop="1" x14ac:dyDescent="0.2">
      <c r="A7" s="619" t="s">
        <v>89</v>
      </c>
      <c r="B7" s="620"/>
      <c r="C7" s="16">
        <v>23</v>
      </c>
      <c r="D7" s="17">
        <v>4</v>
      </c>
      <c r="E7" s="18">
        <v>27</v>
      </c>
      <c r="F7" s="16">
        <v>20</v>
      </c>
      <c r="G7" s="17">
        <v>4</v>
      </c>
      <c r="H7" s="18">
        <v>24</v>
      </c>
      <c r="I7" s="16">
        <v>3</v>
      </c>
      <c r="J7" s="19">
        <v>0</v>
      </c>
      <c r="K7" s="20">
        <v>3</v>
      </c>
      <c r="L7" s="16">
        <v>197</v>
      </c>
      <c r="M7" s="17">
        <v>69</v>
      </c>
      <c r="N7" s="18">
        <v>266</v>
      </c>
      <c r="O7" s="16">
        <v>121</v>
      </c>
      <c r="P7" s="17">
        <v>53</v>
      </c>
      <c r="Q7" s="18">
        <v>174</v>
      </c>
      <c r="R7" s="16">
        <v>76</v>
      </c>
      <c r="S7" s="19">
        <v>16</v>
      </c>
      <c r="T7" s="20">
        <v>92</v>
      </c>
      <c r="U7" s="21">
        <v>220</v>
      </c>
      <c r="V7" s="22">
        <v>73</v>
      </c>
      <c r="W7" s="18">
        <v>293</v>
      </c>
    </row>
    <row r="8" spans="1:23" ht="20.100000000000001" customHeight="1" x14ac:dyDescent="0.2">
      <c r="A8" s="621" t="s">
        <v>90</v>
      </c>
      <c r="B8" s="622"/>
      <c r="C8" s="23">
        <v>159</v>
      </c>
      <c r="D8" s="24">
        <v>58</v>
      </c>
      <c r="E8" s="25">
        <v>217</v>
      </c>
      <c r="F8" s="23">
        <v>139</v>
      </c>
      <c r="G8" s="24">
        <v>56</v>
      </c>
      <c r="H8" s="25">
        <v>195</v>
      </c>
      <c r="I8" s="23">
        <v>20</v>
      </c>
      <c r="J8" s="24">
        <v>2</v>
      </c>
      <c r="K8" s="26">
        <v>22</v>
      </c>
      <c r="L8" s="23">
        <v>558</v>
      </c>
      <c r="M8" s="24">
        <v>309</v>
      </c>
      <c r="N8" s="25">
        <v>867</v>
      </c>
      <c r="O8" s="23">
        <v>403</v>
      </c>
      <c r="P8" s="24">
        <v>219</v>
      </c>
      <c r="Q8" s="25">
        <v>622</v>
      </c>
      <c r="R8" s="23">
        <v>155</v>
      </c>
      <c r="S8" s="24">
        <v>90</v>
      </c>
      <c r="T8" s="26">
        <v>245</v>
      </c>
      <c r="U8" s="23">
        <v>717</v>
      </c>
      <c r="V8" s="27">
        <v>367</v>
      </c>
      <c r="W8" s="18">
        <v>1084</v>
      </c>
    </row>
    <row r="9" spans="1:23" ht="20.100000000000001" customHeight="1" x14ac:dyDescent="0.2">
      <c r="A9" s="621" t="s">
        <v>91</v>
      </c>
      <c r="B9" s="622"/>
      <c r="C9" s="23">
        <v>146</v>
      </c>
      <c r="D9" s="24">
        <v>51</v>
      </c>
      <c r="E9" s="25">
        <v>197</v>
      </c>
      <c r="F9" s="23">
        <v>128</v>
      </c>
      <c r="G9" s="24">
        <v>44</v>
      </c>
      <c r="H9" s="25">
        <v>172</v>
      </c>
      <c r="I9" s="23">
        <v>18</v>
      </c>
      <c r="J9" s="24">
        <v>7</v>
      </c>
      <c r="K9" s="26">
        <v>25</v>
      </c>
      <c r="L9" s="23">
        <v>279</v>
      </c>
      <c r="M9" s="24">
        <v>247</v>
      </c>
      <c r="N9" s="25">
        <v>526</v>
      </c>
      <c r="O9" s="23">
        <v>204</v>
      </c>
      <c r="P9" s="24">
        <v>143</v>
      </c>
      <c r="Q9" s="25">
        <v>347</v>
      </c>
      <c r="R9" s="23">
        <v>75</v>
      </c>
      <c r="S9" s="24">
        <v>104</v>
      </c>
      <c r="T9" s="26">
        <v>179</v>
      </c>
      <c r="U9" s="23">
        <v>425</v>
      </c>
      <c r="V9" s="27">
        <v>298</v>
      </c>
      <c r="W9" s="18">
        <v>723</v>
      </c>
    </row>
    <row r="10" spans="1:23" ht="20.100000000000001" customHeight="1" x14ac:dyDescent="0.2">
      <c r="A10" s="615" t="s">
        <v>92</v>
      </c>
      <c r="B10" s="616"/>
      <c r="C10" s="23">
        <v>74</v>
      </c>
      <c r="D10" s="24">
        <v>78</v>
      </c>
      <c r="E10" s="25">
        <v>152</v>
      </c>
      <c r="F10" s="23">
        <v>63</v>
      </c>
      <c r="G10" s="24">
        <v>72</v>
      </c>
      <c r="H10" s="25">
        <v>135</v>
      </c>
      <c r="I10" s="23">
        <v>11</v>
      </c>
      <c r="J10" s="24">
        <v>6</v>
      </c>
      <c r="K10" s="26">
        <v>17</v>
      </c>
      <c r="L10" s="23">
        <v>133</v>
      </c>
      <c r="M10" s="24">
        <v>132</v>
      </c>
      <c r="N10" s="25">
        <v>265</v>
      </c>
      <c r="O10" s="23">
        <v>93</v>
      </c>
      <c r="P10" s="24">
        <v>90</v>
      </c>
      <c r="Q10" s="25">
        <v>183</v>
      </c>
      <c r="R10" s="23">
        <v>40</v>
      </c>
      <c r="S10" s="24">
        <v>42</v>
      </c>
      <c r="T10" s="26">
        <v>82</v>
      </c>
      <c r="U10" s="23">
        <v>207</v>
      </c>
      <c r="V10" s="27">
        <v>210</v>
      </c>
      <c r="W10" s="18">
        <v>417</v>
      </c>
    </row>
    <row r="11" spans="1:23" ht="20.100000000000001" customHeight="1" x14ac:dyDescent="0.2">
      <c r="A11" s="619" t="s">
        <v>93</v>
      </c>
      <c r="B11" s="620"/>
      <c r="C11" s="23">
        <v>58</v>
      </c>
      <c r="D11" s="24">
        <v>59</v>
      </c>
      <c r="E11" s="25">
        <v>117</v>
      </c>
      <c r="F11" s="23">
        <v>47</v>
      </c>
      <c r="G11" s="24">
        <v>56</v>
      </c>
      <c r="H11" s="25">
        <v>103</v>
      </c>
      <c r="I11" s="23">
        <v>11</v>
      </c>
      <c r="J11" s="24">
        <v>3</v>
      </c>
      <c r="K11" s="26">
        <v>14</v>
      </c>
      <c r="L11" s="23">
        <v>78</v>
      </c>
      <c r="M11" s="24">
        <v>68</v>
      </c>
      <c r="N11" s="25">
        <v>146</v>
      </c>
      <c r="O11" s="23">
        <v>59</v>
      </c>
      <c r="P11" s="24">
        <v>53</v>
      </c>
      <c r="Q11" s="25">
        <v>112</v>
      </c>
      <c r="R11" s="23">
        <v>19</v>
      </c>
      <c r="S11" s="24">
        <v>15</v>
      </c>
      <c r="T11" s="26">
        <v>34</v>
      </c>
      <c r="U11" s="23">
        <v>136</v>
      </c>
      <c r="V11" s="27">
        <v>127</v>
      </c>
      <c r="W11" s="18">
        <v>263</v>
      </c>
    </row>
    <row r="12" spans="1:23" ht="20.100000000000001" customHeight="1" thickBot="1" x14ac:dyDescent="0.25">
      <c r="A12" s="611" t="s">
        <v>13</v>
      </c>
      <c r="B12" s="612"/>
      <c r="C12" s="28">
        <v>77</v>
      </c>
      <c r="D12" s="29">
        <v>130</v>
      </c>
      <c r="E12" s="30">
        <v>207</v>
      </c>
      <c r="F12" s="28">
        <v>71</v>
      </c>
      <c r="G12" s="29">
        <v>129</v>
      </c>
      <c r="H12" s="30">
        <v>200</v>
      </c>
      <c r="I12" s="28">
        <v>6</v>
      </c>
      <c r="J12" s="29">
        <v>1</v>
      </c>
      <c r="K12" s="31">
        <v>7</v>
      </c>
      <c r="L12" s="28">
        <v>109</v>
      </c>
      <c r="M12" s="29">
        <v>157</v>
      </c>
      <c r="N12" s="30">
        <v>266</v>
      </c>
      <c r="O12" s="28">
        <v>75</v>
      </c>
      <c r="P12" s="29">
        <v>117</v>
      </c>
      <c r="Q12" s="30">
        <v>192</v>
      </c>
      <c r="R12" s="28">
        <v>34</v>
      </c>
      <c r="S12" s="29">
        <v>40</v>
      </c>
      <c r="T12" s="31">
        <v>74</v>
      </c>
      <c r="U12" s="28">
        <v>186</v>
      </c>
      <c r="V12" s="32">
        <v>287</v>
      </c>
      <c r="W12" s="33">
        <v>473</v>
      </c>
    </row>
    <row r="13" spans="1:23" ht="20.100000000000001" customHeight="1" thickTop="1" thickBot="1" x14ac:dyDescent="0.25">
      <c r="A13" s="613" t="s">
        <v>18</v>
      </c>
      <c r="B13" s="614"/>
      <c r="C13" s="34">
        <v>537</v>
      </c>
      <c r="D13" s="35">
        <v>380</v>
      </c>
      <c r="E13" s="36">
        <v>917</v>
      </c>
      <c r="F13" s="34">
        <v>468</v>
      </c>
      <c r="G13" s="35">
        <v>361</v>
      </c>
      <c r="H13" s="36">
        <v>829</v>
      </c>
      <c r="I13" s="34">
        <v>69</v>
      </c>
      <c r="J13" s="35">
        <v>19</v>
      </c>
      <c r="K13" s="37">
        <v>88</v>
      </c>
      <c r="L13" s="34">
        <v>1354</v>
      </c>
      <c r="M13" s="35">
        <v>982</v>
      </c>
      <c r="N13" s="36">
        <v>2336</v>
      </c>
      <c r="O13" s="34">
        <v>955</v>
      </c>
      <c r="P13" s="35">
        <v>675</v>
      </c>
      <c r="Q13" s="36">
        <v>1630</v>
      </c>
      <c r="R13" s="34">
        <v>399</v>
      </c>
      <c r="S13" s="35">
        <v>307</v>
      </c>
      <c r="T13" s="36">
        <v>706</v>
      </c>
      <c r="U13" s="34">
        <v>1891</v>
      </c>
      <c r="V13" s="35">
        <v>1362</v>
      </c>
      <c r="W13" s="36">
        <v>3253</v>
      </c>
    </row>
    <row r="14" spans="1:23" ht="20.100000000000001" customHeight="1" x14ac:dyDescent="0.2">
      <c r="B14" s="268"/>
      <c r="C14" s="38"/>
      <c r="D14" s="38"/>
      <c r="E14" s="38"/>
      <c r="Q14" s="38"/>
      <c r="R14" s="38"/>
      <c r="S14" s="38"/>
      <c r="T14" s="39"/>
      <c r="U14" s="38"/>
      <c r="V14" s="38"/>
      <c r="W14" s="38"/>
    </row>
    <row r="15" spans="1:23" ht="20.100000000000001" customHeight="1" thickBot="1" x14ac:dyDescent="0.25">
      <c r="A15" s="163" t="s">
        <v>67</v>
      </c>
    </row>
    <row r="16" spans="1:23" ht="20.100000000000001" customHeight="1" thickBot="1" x14ac:dyDescent="0.25">
      <c r="A16" s="642" t="s">
        <v>74</v>
      </c>
      <c r="B16" s="643"/>
      <c r="C16" s="623" t="s">
        <v>242</v>
      </c>
      <c r="D16" s="627"/>
      <c r="E16" s="627"/>
      <c r="F16" s="627"/>
      <c r="G16" s="627"/>
      <c r="H16" s="627"/>
      <c r="I16" s="627"/>
      <c r="J16" s="627"/>
      <c r="K16" s="624"/>
      <c r="L16" s="623" t="s">
        <v>243</v>
      </c>
      <c r="M16" s="627"/>
      <c r="N16" s="627"/>
      <c r="O16" s="627"/>
      <c r="P16" s="627"/>
      <c r="Q16" s="627"/>
      <c r="R16" s="627"/>
      <c r="S16" s="627"/>
      <c r="T16" s="624"/>
      <c r="U16" s="642" t="s">
        <v>244</v>
      </c>
      <c r="V16" s="648"/>
      <c r="W16" s="643"/>
    </row>
    <row r="17" spans="1:23" ht="20.100000000000001" customHeight="1" thickBot="1" x14ac:dyDescent="0.25">
      <c r="A17" s="644"/>
      <c r="B17" s="645"/>
      <c r="C17" s="650" t="s">
        <v>61</v>
      </c>
      <c r="D17" s="651"/>
      <c r="E17" s="652"/>
      <c r="F17" s="650" t="s">
        <v>62</v>
      </c>
      <c r="G17" s="651"/>
      <c r="H17" s="652"/>
      <c r="I17" s="650" t="s">
        <v>63</v>
      </c>
      <c r="J17" s="651"/>
      <c r="K17" s="652"/>
      <c r="L17" s="650" t="s">
        <v>61</v>
      </c>
      <c r="M17" s="651"/>
      <c r="N17" s="652"/>
      <c r="O17" s="650" t="s">
        <v>62</v>
      </c>
      <c r="P17" s="651"/>
      <c r="Q17" s="652"/>
      <c r="R17" s="631" t="s">
        <v>63</v>
      </c>
      <c r="S17" s="632"/>
      <c r="T17" s="633"/>
      <c r="U17" s="644"/>
      <c r="V17" s="649"/>
      <c r="W17" s="645"/>
    </row>
    <row r="18" spans="1:23" ht="20.100000000000001" customHeight="1" thickBot="1" x14ac:dyDescent="0.25">
      <c r="A18" s="646"/>
      <c r="B18" s="647"/>
      <c r="C18" s="262" t="s">
        <v>64</v>
      </c>
      <c r="D18" s="263" t="s">
        <v>65</v>
      </c>
      <c r="E18" s="264" t="s">
        <v>66</v>
      </c>
      <c r="F18" s="262" t="s">
        <v>64</v>
      </c>
      <c r="G18" s="263" t="s">
        <v>65</v>
      </c>
      <c r="H18" s="264" t="s">
        <v>66</v>
      </c>
      <c r="I18" s="262" t="s">
        <v>64</v>
      </c>
      <c r="J18" s="263" t="s">
        <v>65</v>
      </c>
      <c r="K18" s="264" t="s">
        <v>66</v>
      </c>
      <c r="L18" s="262" t="s">
        <v>64</v>
      </c>
      <c r="M18" s="263" t="s">
        <v>65</v>
      </c>
      <c r="N18" s="264" t="s">
        <v>66</v>
      </c>
      <c r="O18" s="262" t="s">
        <v>64</v>
      </c>
      <c r="P18" s="263" t="s">
        <v>65</v>
      </c>
      <c r="Q18" s="264" t="s">
        <v>66</v>
      </c>
      <c r="R18" s="262" t="s">
        <v>64</v>
      </c>
      <c r="S18" s="263" t="s">
        <v>65</v>
      </c>
      <c r="T18" s="264" t="s">
        <v>66</v>
      </c>
      <c r="U18" s="269" t="s">
        <v>64</v>
      </c>
      <c r="V18" s="270" t="s">
        <v>65</v>
      </c>
      <c r="W18" s="271" t="s">
        <v>66</v>
      </c>
    </row>
    <row r="19" spans="1:23" ht="20.100000000000001" customHeight="1" thickTop="1" x14ac:dyDescent="0.2">
      <c r="A19" s="634" t="s">
        <v>20</v>
      </c>
      <c r="B19" s="635"/>
      <c r="C19" s="21">
        <v>2</v>
      </c>
      <c r="D19" s="40">
        <v>4</v>
      </c>
      <c r="E19" s="18">
        <v>6</v>
      </c>
      <c r="F19" s="16">
        <v>2</v>
      </c>
      <c r="G19" s="17">
        <v>4</v>
      </c>
      <c r="H19" s="18">
        <v>6</v>
      </c>
      <c r="I19" s="16">
        <v>0</v>
      </c>
      <c r="J19" s="19">
        <v>0</v>
      </c>
      <c r="K19" s="20">
        <v>0</v>
      </c>
      <c r="L19" s="16">
        <v>5</v>
      </c>
      <c r="M19" s="17">
        <v>3</v>
      </c>
      <c r="N19" s="18">
        <v>8</v>
      </c>
      <c r="O19" s="16">
        <v>4</v>
      </c>
      <c r="P19" s="17">
        <v>2</v>
      </c>
      <c r="Q19" s="18">
        <v>6</v>
      </c>
      <c r="R19" s="16">
        <v>1</v>
      </c>
      <c r="S19" s="19">
        <v>1</v>
      </c>
      <c r="T19" s="20">
        <v>2</v>
      </c>
      <c r="U19" s="16">
        <v>7</v>
      </c>
      <c r="V19" s="19">
        <v>7</v>
      </c>
      <c r="W19" s="18">
        <v>14</v>
      </c>
    </row>
    <row r="20" spans="1:23" ht="20.100000000000001" customHeight="1" x14ac:dyDescent="0.2">
      <c r="A20" s="636" t="s">
        <v>21</v>
      </c>
      <c r="B20" s="637"/>
      <c r="C20" s="23">
        <v>9</v>
      </c>
      <c r="D20" s="24">
        <v>9</v>
      </c>
      <c r="E20" s="25">
        <v>18</v>
      </c>
      <c r="F20" s="23">
        <v>9</v>
      </c>
      <c r="G20" s="24">
        <v>8</v>
      </c>
      <c r="H20" s="25">
        <v>17</v>
      </c>
      <c r="I20" s="23">
        <v>0</v>
      </c>
      <c r="J20" s="24">
        <v>1</v>
      </c>
      <c r="K20" s="26">
        <v>1</v>
      </c>
      <c r="L20" s="23">
        <v>22</v>
      </c>
      <c r="M20" s="24">
        <v>23</v>
      </c>
      <c r="N20" s="18">
        <v>45</v>
      </c>
      <c r="O20" s="23">
        <v>16</v>
      </c>
      <c r="P20" s="24">
        <v>9</v>
      </c>
      <c r="Q20" s="25">
        <v>25</v>
      </c>
      <c r="R20" s="23">
        <v>6</v>
      </c>
      <c r="S20" s="24">
        <v>14</v>
      </c>
      <c r="T20" s="26">
        <v>20</v>
      </c>
      <c r="U20" s="23">
        <v>31</v>
      </c>
      <c r="V20" s="27">
        <v>32</v>
      </c>
      <c r="W20" s="25">
        <v>63</v>
      </c>
    </row>
    <row r="21" spans="1:23" ht="20.100000000000001" customHeight="1" x14ac:dyDescent="0.2">
      <c r="A21" s="636" t="s">
        <v>22</v>
      </c>
      <c r="B21" s="637"/>
      <c r="C21" s="23">
        <v>508</v>
      </c>
      <c r="D21" s="24">
        <v>364</v>
      </c>
      <c r="E21" s="25">
        <v>872</v>
      </c>
      <c r="F21" s="23">
        <v>443</v>
      </c>
      <c r="G21" s="24">
        <v>346</v>
      </c>
      <c r="H21" s="25">
        <v>789</v>
      </c>
      <c r="I21" s="23">
        <v>65</v>
      </c>
      <c r="J21" s="24">
        <v>18</v>
      </c>
      <c r="K21" s="26">
        <v>83</v>
      </c>
      <c r="L21" s="23">
        <v>1268</v>
      </c>
      <c r="M21" s="24">
        <v>932</v>
      </c>
      <c r="N21" s="18">
        <v>2200</v>
      </c>
      <c r="O21" s="23">
        <v>893</v>
      </c>
      <c r="P21" s="24">
        <v>650</v>
      </c>
      <c r="Q21" s="25">
        <v>1543</v>
      </c>
      <c r="R21" s="23">
        <v>375</v>
      </c>
      <c r="S21" s="24">
        <v>282</v>
      </c>
      <c r="T21" s="26">
        <v>657</v>
      </c>
      <c r="U21" s="23">
        <v>1776</v>
      </c>
      <c r="V21" s="27">
        <v>1296</v>
      </c>
      <c r="W21" s="25">
        <v>3072</v>
      </c>
    </row>
    <row r="22" spans="1:23" ht="20.100000000000001" customHeight="1" thickBot="1" x14ac:dyDescent="0.25">
      <c r="A22" s="638" t="s">
        <v>23</v>
      </c>
      <c r="B22" s="639"/>
      <c r="C22" s="28">
        <v>18</v>
      </c>
      <c r="D22" s="29">
        <v>3</v>
      </c>
      <c r="E22" s="30">
        <v>21</v>
      </c>
      <c r="F22" s="28">
        <v>14</v>
      </c>
      <c r="G22" s="29">
        <v>3</v>
      </c>
      <c r="H22" s="30">
        <v>17</v>
      </c>
      <c r="I22" s="28">
        <v>4</v>
      </c>
      <c r="J22" s="29">
        <v>0</v>
      </c>
      <c r="K22" s="31">
        <v>4</v>
      </c>
      <c r="L22" s="28">
        <v>59</v>
      </c>
      <c r="M22" s="29">
        <v>24</v>
      </c>
      <c r="N22" s="41">
        <v>83</v>
      </c>
      <c r="O22" s="28">
        <v>42</v>
      </c>
      <c r="P22" s="29">
        <v>14</v>
      </c>
      <c r="Q22" s="30">
        <v>56</v>
      </c>
      <c r="R22" s="28">
        <v>17</v>
      </c>
      <c r="S22" s="29">
        <v>10</v>
      </c>
      <c r="T22" s="31">
        <v>27</v>
      </c>
      <c r="U22" s="28">
        <v>77</v>
      </c>
      <c r="V22" s="32">
        <v>27</v>
      </c>
      <c r="W22" s="30">
        <v>104</v>
      </c>
    </row>
    <row r="23" spans="1:23" ht="20.100000000000001" customHeight="1" thickTop="1" thickBot="1" x14ac:dyDescent="0.25">
      <c r="A23" s="640" t="s">
        <v>59</v>
      </c>
      <c r="B23" s="641"/>
      <c r="C23" s="34">
        <v>537</v>
      </c>
      <c r="D23" s="35">
        <v>380</v>
      </c>
      <c r="E23" s="36">
        <v>917</v>
      </c>
      <c r="F23" s="34">
        <v>468</v>
      </c>
      <c r="G23" s="35">
        <v>361</v>
      </c>
      <c r="H23" s="36">
        <v>829</v>
      </c>
      <c r="I23" s="34">
        <v>69</v>
      </c>
      <c r="J23" s="35">
        <v>19</v>
      </c>
      <c r="K23" s="37">
        <v>88</v>
      </c>
      <c r="L23" s="34">
        <v>1354</v>
      </c>
      <c r="M23" s="35">
        <v>982</v>
      </c>
      <c r="N23" s="42">
        <v>2336</v>
      </c>
      <c r="O23" s="34">
        <v>955</v>
      </c>
      <c r="P23" s="35">
        <v>675</v>
      </c>
      <c r="Q23" s="36">
        <v>1630</v>
      </c>
      <c r="R23" s="34">
        <v>399</v>
      </c>
      <c r="S23" s="35">
        <v>307</v>
      </c>
      <c r="T23" s="36">
        <v>706</v>
      </c>
      <c r="U23" s="34">
        <v>1891</v>
      </c>
      <c r="V23" s="35">
        <v>1362</v>
      </c>
      <c r="W23" s="36">
        <v>3253</v>
      </c>
    </row>
    <row r="24" spans="1:23" ht="20.100000000000001" customHeight="1" x14ac:dyDescent="0.2">
      <c r="F24" s="38"/>
      <c r="G24" s="38"/>
      <c r="H24" s="38"/>
      <c r="I24" s="38"/>
      <c r="J24" s="38"/>
      <c r="K24" s="39"/>
      <c r="L24" s="38"/>
      <c r="M24" s="38"/>
      <c r="N24" s="38"/>
      <c r="O24" s="38"/>
      <c r="P24" s="38"/>
    </row>
    <row r="25" spans="1:23" ht="20.100000000000001" customHeight="1" thickBot="1" x14ac:dyDescent="0.25">
      <c r="A25" s="163" t="s">
        <v>127</v>
      </c>
    </row>
    <row r="26" spans="1:23" ht="20.100000000000001" customHeight="1" thickBot="1" x14ac:dyDescent="0.25">
      <c r="A26" s="623" t="s">
        <v>158</v>
      </c>
      <c r="B26" s="624"/>
      <c r="C26" s="623" t="s">
        <v>242</v>
      </c>
      <c r="D26" s="627"/>
      <c r="E26" s="627"/>
      <c r="F26" s="627"/>
      <c r="G26" s="627"/>
      <c r="H26" s="627"/>
      <c r="I26" s="627"/>
      <c r="J26" s="627"/>
      <c r="K26" s="624"/>
      <c r="L26" s="623" t="s">
        <v>243</v>
      </c>
      <c r="M26" s="627"/>
      <c r="N26" s="627"/>
      <c r="O26" s="627"/>
      <c r="P26" s="627"/>
      <c r="Q26" s="627"/>
      <c r="R26" s="627"/>
      <c r="S26" s="627"/>
      <c r="T26" s="624"/>
      <c r="U26" s="608" t="s">
        <v>244</v>
      </c>
      <c r="V26" s="609"/>
      <c r="W26" s="610"/>
    </row>
    <row r="27" spans="1:23" ht="20.100000000000001" customHeight="1" x14ac:dyDescent="0.2">
      <c r="A27" s="619"/>
      <c r="B27" s="620"/>
      <c r="C27" s="631" t="s">
        <v>61</v>
      </c>
      <c r="D27" s="632"/>
      <c r="E27" s="633"/>
      <c r="F27" s="631" t="s">
        <v>62</v>
      </c>
      <c r="G27" s="632"/>
      <c r="H27" s="633"/>
      <c r="I27" s="631" t="s">
        <v>63</v>
      </c>
      <c r="J27" s="632"/>
      <c r="K27" s="633"/>
      <c r="L27" s="631" t="s">
        <v>61</v>
      </c>
      <c r="M27" s="632"/>
      <c r="N27" s="633"/>
      <c r="O27" s="631" t="s">
        <v>62</v>
      </c>
      <c r="P27" s="632"/>
      <c r="Q27" s="633"/>
      <c r="R27" s="631" t="s">
        <v>63</v>
      </c>
      <c r="S27" s="632"/>
      <c r="T27" s="633"/>
      <c r="U27" s="628"/>
      <c r="V27" s="629"/>
      <c r="W27" s="630"/>
    </row>
    <row r="28" spans="1:23" ht="20.100000000000001" customHeight="1" thickBot="1" x14ac:dyDescent="0.25">
      <c r="A28" s="625"/>
      <c r="B28" s="626"/>
      <c r="C28" s="262" t="s">
        <v>64</v>
      </c>
      <c r="D28" s="263" t="s">
        <v>65</v>
      </c>
      <c r="E28" s="264" t="s">
        <v>66</v>
      </c>
      <c r="F28" s="262" t="s">
        <v>64</v>
      </c>
      <c r="G28" s="263" t="s">
        <v>65</v>
      </c>
      <c r="H28" s="264" t="s">
        <v>66</v>
      </c>
      <c r="I28" s="262" t="s">
        <v>64</v>
      </c>
      <c r="J28" s="265" t="s">
        <v>65</v>
      </c>
      <c r="K28" s="266" t="s">
        <v>66</v>
      </c>
      <c r="L28" s="262" t="s">
        <v>64</v>
      </c>
      <c r="M28" s="263" t="s">
        <v>65</v>
      </c>
      <c r="N28" s="264" t="s">
        <v>66</v>
      </c>
      <c r="O28" s="262" t="s">
        <v>64</v>
      </c>
      <c r="P28" s="263" t="s">
        <v>65</v>
      </c>
      <c r="Q28" s="264" t="s">
        <v>66</v>
      </c>
      <c r="R28" s="262" t="s">
        <v>64</v>
      </c>
      <c r="S28" s="263" t="s">
        <v>65</v>
      </c>
      <c r="T28" s="264" t="s">
        <v>66</v>
      </c>
      <c r="U28" s="262" t="s">
        <v>64</v>
      </c>
      <c r="V28" s="263" t="s">
        <v>65</v>
      </c>
      <c r="W28" s="267" t="s">
        <v>66</v>
      </c>
    </row>
    <row r="29" spans="1:23" ht="20.100000000000001" customHeight="1" thickTop="1" x14ac:dyDescent="0.2">
      <c r="A29" s="617" t="s">
        <v>42</v>
      </c>
      <c r="B29" s="618"/>
      <c r="C29" s="16">
        <v>209</v>
      </c>
      <c r="D29" s="17">
        <v>158</v>
      </c>
      <c r="E29" s="18">
        <v>367</v>
      </c>
      <c r="F29" s="16">
        <v>188</v>
      </c>
      <c r="G29" s="17">
        <v>151</v>
      </c>
      <c r="H29" s="18">
        <v>339</v>
      </c>
      <c r="I29" s="16">
        <v>21</v>
      </c>
      <c r="J29" s="19">
        <v>7</v>
      </c>
      <c r="K29" s="20">
        <v>28</v>
      </c>
      <c r="L29" s="16">
        <v>594</v>
      </c>
      <c r="M29" s="17">
        <v>459</v>
      </c>
      <c r="N29" s="18">
        <v>1053</v>
      </c>
      <c r="O29" s="16">
        <v>412</v>
      </c>
      <c r="P29" s="17">
        <v>310</v>
      </c>
      <c r="Q29" s="18">
        <v>722</v>
      </c>
      <c r="R29" s="16">
        <v>182</v>
      </c>
      <c r="S29" s="19">
        <v>149</v>
      </c>
      <c r="T29" s="18">
        <v>331</v>
      </c>
      <c r="U29" s="21">
        <v>803</v>
      </c>
      <c r="V29" s="22">
        <v>617</v>
      </c>
      <c r="W29" s="18">
        <v>1420</v>
      </c>
    </row>
    <row r="30" spans="1:23" ht="20.100000000000001" customHeight="1" x14ac:dyDescent="0.2">
      <c r="A30" s="615" t="s">
        <v>128</v>
      </c>
      <c r="B30" s="616"/>
      <c r="C30" s="23">
        <v>76</v>
      </c>
      <c r="D30" s="24">
        <v>104</v>
      </c>
      <c r="E30" s="25">
        <v>180</v>
      </c>
      <c r="F30" s="23">
        <v>63</v>
      </c>
      <c r="G30" s="24">
        <v>99</v>
      </c>
      <c r="H30" s="25">
        <v>162</v>
      </c>
      <c r="I30" s="23">
        <v>13</v>
      </c>
      <c r="J30" s="24">
        <v>5</v>
      </c>
      <c r="K30" s="26">
        <v>18</v>
      </c>
      <c r="L30" s="23">
        <v>141</v>
      </c>
      <c r="M30" s="24">
        <v>204</v>
      </c>
      <c r="N30" s="25">
        <v>345</v>
      </c>
      <c r="O30" s="23">
        <v>97</v>
      </c>
      <c r="P30" s="24">
        <v>129</v>
      </c>
      <c r="Q30" s="25">
        <v>226</v>
      </c>
      <c r="R30" s="23">
        <v>44</v>
      </c>
      <c r="S30" s="24">
        <v>75</v>
      </c>
      <c r="T30" s="26">
        <v>119</v>
      </c>
      <c r="U30" s="23">
        <v>217</v>
      </c>
      <c r="V30" s="27">
        <v>308</v>
      </c>
      <c r="W30" s="18">
        <v>525</v>
      </c>
    </row>
    <row r="31" spans="1:23" ht="20.100000000000001" customHeight="1" x14ac:dyDescent="0.2">
      <c r="A31" s="615" t="s">
        <v>44</v>
      </c>
      <c r="B31" s="616"/>
      <c r="C31" s="23">
        <v>18</v>
      </c>
      <c r="D31" s="24">
        <v>13</v>
      </c>
      <c r="E31" s="25">
        <v>31</v>
      </c>
      <c r="F31" s="23">
        <v>16</v>
      </c>
      <c r="G31" s="24">
        <v>12</v>
      </c>
      <c r="H31" s="25">
        <v>28</v>
      </c>
      <c r="I31" s="23">
        <v>2</v>
      </c>
      <c r="J31" s="24">
        <v>1</v>
      </c>
      <c r="K31" s="26">
        <v>3</v>
      </c>
      <c r="L31" s="23">
        <v>106</v>
      </c>
      <c r="M31" s="24">
        <v>50</v>
      </c>
      <c r="N31" s="25">
        <v>156</v>
      </c>
      <c r="O31" s="23">
        <v>72</v>
      </c>
      <c r="P31" s="24">
        <v>27</v>
      </c>
      <c r="Q31" s="25">
        <v>99</v>
      </c>
      <c r="R31" s="23">
        <v>34</v>
      </c>
      <c r="S31" s="24">
        <v>23</v>
      </c>
      <c r="T31" s="26">
        <v>57</v>
      </c>
      <c r="U31" s="23">
        <v>124</v>
      </c>
      <c r="V31" s="27">
        <v>63</v>
      </c>
      <c r="W31" s="18">
        <v>187</v>
      </c>
    </row>
    <row r="32" spans="1:23" ht="20.100000000000001" customHeight="1" x14ac:dyDescent="0.2">
      <c r="A32" s="615" t="s">
        <v>45</v>
      </c>
      <c r="B32" s="616"/>
      <c r="C32" s="23">
        <v>32</v>
      </c>
      <c r="D32" s="24">
        <v>37</v>
      </c>
      <c r="E32" s="25">
        <v>69</v>
      </c>
      <c r="F32" s="23">
        <v>28</v>
      </c>
      <c r="G32" s="24">
        <v>36</v>
      </c>
      <c r="H32" s="25">
        <v>64</v>
      </c>
      <c r="I32" s="23">
        <v>4</v>
      </c>
      <c r="J32" s="24">
        <v>1</v>
      </c>
      <c r="K32" s="26">
        <v>5</v>
      </c>
      <c r="L32" s="23">
        <v>93</v>
      </c>
      <c r="M32" s="24">
        <v>60</v>
      </c>
      <c r="N32" s="25">
        <v>153</v>
      </c>
      <c r="O32" s="23">
        <v>43</v>
      </c>
      <c r="P32" s="24">
        <v>49</v>
      </c>
      <c r="Q32" s="25">
        <v>92</v>
      </c>
      <c r="R32" s="23">
        <v>50</v>
      </c>
      <c r="S32" s="24">
        <v>11</v>
      </c>
      <c r="T32" s="26">
        <v>61</v>
      </c>
      <c r="U32" s="23">
        <v>125</v>
      </c>
      <c r="V32" s="27">
        <v>97</v>
      </c>
      <c r="W32" s="18">
        <v>222</v>
      </c>
    </row>
    <row r="33" spans="1:23" ht="20.100000000000001" customHeight="1" x14ac:dyDescent="0.2">
      <c r="A33" s="615" t="s">
        <v>46</v>
      </c>
      <c r="B33" s="616"/>
      <c r="C33" s="23">
        <v>37</v>
      </c>
      <c r="D33" s="24">
        <v>7</v>
      </c>
      <c r="E33" s="25">
        <v>44</v>
      </c>
      <c r="F33" s="23">
        <v>32</v>
      </c>
      <c r="G33" s="24">
        <v>7</v>
      </c>
      <c r="H33" s="25">
        <v>39</v>
      </c>
      <c r="I33" s="23">
        <v>5</v>
      </c>
      <c r="J33" s="24">
        <v>0</v>
      </c>
      <c r="K33" s="26">
        <v>5</v>
      </c>
      <c r="L33" s="23">
        <v>145</v>
      </c>
      <c r="M33" s="24">
        <v>10</v>
      </c>
      <c r="N33" s="25">
        <v>155</v>
      </c>
      <c r="O33" s="23">
        <v>114</v>
      </c>
      <c r="P33" s="24">
        <v>10</v>
      </c>
      <c r="Q33" s="25">
        <v>124</v>
      </c>
      <c r="R33" s="23">
        <v>31</v>
      </c>
      <c r="S33" s="24">
        <v>0</v>
      </c>
      <c r="T33" s="26">
        <v>31</v>
      </c>
      <c r="U33" s="23">
        <v>182</v>
      </c>
      <c r="V33" s="27">
        <v>17</v>
      </c>
      <c r="W33" s="18">
        <v>199</v>
      </c>
    </row>
    <row r="34" spans="1:23" ht="20.100000000000001" customHeight="1" x14ac:dyDescent="0.2">
      <c r="A34" s="619" t="s">
        <v>47</v>
      </c>
      <c r="B34" s="620"/>
      <c r="C34" s="23">
        <v>111</v>
      </c>
      <c r="D34" s="24">
        <v>13</v>
      </c>
      <c r="E34" s="25">
        <v>124</v>
      </c>
      <c r="F34" s="23">
        <v>90</v>
      </c>
      <c r="G34" s="24">
        <v>12</v>
      </c>
      <c r="H34" s="25">
        <v>102</v>
      </c>
      <c r="I34" s="23">
        <v>21</v>
      </c>
      <c r="J34" s="24">
        <v>1</v>
      </c>
      <c r="K34" s="26">
        <v>22</v>
      </c>
      <c r="L34" s="23">
        <v>108</v>
      </c>
      <c r="M34" s="24">
        <v>72</v>
      </c>
      <c r="N34" s="25">
        <v>180</v>
      </c>
      <c r="O34" s="23">
        <v>93</v>
      </c>
      <c r="P34" s="24">
        <v>58</v>
      </c>
      <c r="Q34" s="25">
        <v>151</v>
      </c>
      <c r="R34" s="23">
        <v>15</v>
      </c>
      <c r="S34" s="24">
        <v>14</v>
      </c>
      <c r="T34" s="26">
        <v>29</v>
      </c>
      <c r="U34" s="23">
        <v>219</v>
      </c>
      <c r="V34" s="27">
        <v>85</v>
      </c>
      <c r="W34" s="18">
        <v>304</v>
      </c>
    </row>
    <row r="35" spans="1:23" ht="20.100000000000001" customHeight="1" x14ac:dyDescent="0.2">
      <c r="A35" s="621" t="s">
        <v>48</v>
      </c>
      <c r="B35" s="622"/>
      <c r="C35" s="23">
        <v>47</v>
      </c>
      <c r="D35" s="24">
        <v>47</v>
      </c>
      <c r="E35" s="25">
        <v>94</v>
      </c>
      <c r="F35" s="23">
        <v>44</v>
      </c>
      <c r="G35" s="24">
        <v>43</v>
      </c>
      <c r="H35" s="25">
        <v>87</v>
      </c>
      <c r="I35" s="23">
        <v>3</v>
      </c>
      <c r="J35" s="24">
        <v>4</v>
      </c>
      <c r="K35" s="26">
        <v>7</v>
      </c>
      <c r="L35" s="23">
        <v>137</v>
      </c>
      <c r="M35" s="24">
        <v>107</v>
      </c>
      <c r="N35" s="25">
        <v>244</v>
      </c>
      <c r="O35" s="23">
        <v>109</v>
      </c>
      <c r="P35" s="24">
        <v>79</v>
      </c>
      <c r="Q35" s="25">
        <v>188</v>
      </c>
      <c r="R35" s="23">
        <v>28</v>
      </c>
      <c r="S35" s="24">
        <v>28</v>
      </c>
      <c r="T35" s="26">
        <v>56</v>
      </c>
      <c r="U35" s="23">
        <v>184</v>
      </c>
      <c r="V35" s="27">
        <v>154</v>
      </c>
      <c r="W35" s="18">
        <v>338</v>
      </c>
    </row>
    <row r="36" spans="1:23" ht="20.100000000000001" customHeight="1" thickBot="1" x14ac:dyDescent="0.25">
      <c r="A36" s="611" t="s">
        <v>49</v>
      </c>
      <c r="B36" s="612"/>
      <c r="C36" s="28">
        <v>7</v>
      </c>
      <c r="D36" s="29">
        <v>1</v>
      </c>
      <c r="E36" s="30">
        <v>8</v>
      </c>
      <c r="F36" s="28">
        <v>7</v>
      </c>
      <c r="G36" s="29">
        <v>1</v>
      </c>
      <c r="H36" s="30">
        <v>8</v>
      </c>
      <c r="I36" s="28">
        <v>0</v>
      </c>
      <c r="J36" s="29">
        <v>0</v>
      </c>
      <c r="K36" s="31">
        <v>0</v>
      </c>
      <c r="L36" s="28">
        <v>30</v>
      </c>
      <c r="M36" s="29">
        <v>20</v>
      </c>
      <c r="N36" s="30">
        <v>50</v>
      </c>
      <c r="O36" s="28">
        <v>15</v>
      </c>
      <c r="P36" s="29">
        <v>13</v>
      </c>
      <c r="Q36" s="30">
        <v>28</v>
      </c>
      <c r="R36" s="28">
        <v>15</v>
      </c>
      <c r="S36" s="29">
        <v>7</v>
      </c>
      <c r="T36" s="31">
        <v>22</v>
      </c>
      <c r="U36" s="28">
        <v>37</v>
      </c>
      <c r="V36" s="32">
        <v>21</v>
      </c>
      <c r="W36" s="33">
        <v>58</v>
      </c>
    </row>
    <row r="37" spans="1:23" ht="20.100000000000001" customHeight="1" thickTop="1" thickBot="1" x14ac:dyDescent="0.25">
      <c r="A37" s="613" t="s">
        <v>18</v>
      </c>
      <c r="B37" s="614"/>
      <c r="C37" s="34">
        <v>537</v>
      </c>
      <c r="D37" s="35">
        <v>380</v>
      </c>
      <c r="E37" s="36">
        <v>917</v>
      </c>
      <c r="F37" s="34">
        <v>468</v>
      </c>
      <c r="G37" s="35">
        <v>361</v>
      </c>
      <c r="H37" s="36">
        <v>829</v>
      </c>
      <c r="I37" s="34">
        <v>69</v>
      </c>
      <c r="J37" s="35">
        <v>19</v>
      </c>
      <c r="K37" s="37">
        <v>88</v>
      </c>
      <c r="L37" s="34">
        <v>1354</v>
      </c>
      <c r="M37" s="35">
        <v>982</v>
      </c>
      <c r="N37" s="36">
        <v>2336</v>
      </c>
      <c r="O37" s="34">
        <v>955</v>
      </c>
      <c r="P37" s="35">
        <v>675</v>
      </c>
      <c r="Q37" s="36">
        <v>1630</v>
      </c>
      <c r="R37" s="34">
        <v>399</v>
      </c>
      <c r="S37" s="35">
        <v>307</v>
      </c>
      <c r="T37" s="36">
        <v>706</v>
      </c>
      <c r="U37" s="34">
        <v>1891</v>
      </c>
      <c r="V37" s="35">
        <v>1362</v>
      </c>
      <c r="W37" s="36">
        <v>3253</v>
      </c>
    </row>
  </sheetData>
  <mergeCells count="51">
    <mergeCell ref="U4:W5"/>
    <mergeCell ref="C16:K16"/>
    <mergeCell ref="L16:T16"/>
    <mergeCell ref="U16:W17"/>
    <mergeCell ref="C17:E17"/>
    <mergeCell ref="F17:H17"/>
    <mergeCell ref="I17:K17"/>
    <mergeCell ref="L17:N17"/>
    <mergeCell ref="O17:Q17"/>
    <mergeCell ref="R17:T17"/>
    <mergeCell ref="L4:T4"/>
    <mergeCell ref="C5:E5"/>
    <mergeCell ref="F5:H5"/>
    <mergeCell ref="I5:K5"/>
    <mergeCell ref="L5:N5"/>
    <mergeCell ref="O5:Q5"/>
    <mergeCell ref="R5:T5"/>
    <mergeCell ref="A4:B6"/>
    <mergeCell ref="A7:B7"/>
    <mergeCell ref="A8:B8"/>
    <mergeCell ref="A9:B9"/>
    <mergeCell ref="C4:K4"/>
    <mergeCell ref="A10:B10"/>
    <mergeCell ref="A11:B11"/>
    <mergeCell ref="A12:B12"/>
    <mergeCell ref="A13:B13"/>
    <mergeCell ref="A16:B18"/>
    <mergeCell ref="A19:B19"/>
    <mergeCell ref="A20:B20"/>
    <mergeCell ref="A21:B21"/>
    <mergeCell ref="A22:B22"/>
    <mergeCell ref="A23:B23"/>
    <mergeCell ref="A26:B28"/>
    <mergeCell ref="C26:K26"/>
    <mergeCell ref="L26:T26"/>
    <mergeCell ref="U26:W27"/>
    <mergeCell ref="C27:E27"/>
    <mergeCell ref="F27:H27"/>
    <mergeCell ref="I27:K27"/>
    <mergeCell ref="L27:N27"/>
    <mergeCell ref="O27:Q27"/>
    <mergeCell ref="R27:T27"/>
    <mergeCell ref="A36:B36"/>
    <mergeCell ref="A37:B37"/>
    <mergeCell ref="A32:B32"/>
    <mergeCell ref="A33:B33"/>
    <mergeCell ref="A29:B29"/>
    <mergeCell ref="A30:B30"/>
    <mergeCell ref="A31:B31"/>
    <mergeCell ref="A34:B34"/>
    <mergeCell ref="A35:B35"/>
  </mergeCells>
  <phoneticPr fontId="1"/>
  <printOptions horizontalCentered="1"/>
  <pageMargins left="0.62992125984251968" right="0.23622047244094491" top="0.74803149606299213" bottom="0.74803149606299213" header="0.31496062992125984" footer="0.31496062992125984"/>
  <pageSetup paperSize="9" scale="70" fitToHeight="2" orientation="landscape" r:id="rId1"/>
  <headerFooter>
    <oddFooter>&amp;C&amp;P</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4"/>
  <sheetViews>
    <sheetView view="pageBreakPreview" zoomScale="80" zoomScaleNormal="80" zoomScaleSheetLayoutView="80" zoomScalePageLayoutView="45" workbookViewId="0"/>
  </sheetViews>
  <sheetFormatPr defaultColWidth="7.59765625" defaultRowHeight="20.100000000000001" customHeight="1" x14ac:dyDescent="0.2"/>
  <cols>
    <col min="1" max="1" width="16.5" style="505" customWidth="1"/>
    <col min="2" max="10" width="10.69921875" style="250" customWidth="1"/>
    <col min="11" max="11" width="7.59765625" style="250"/>
    <col min="12" max="16384" width="7.59765625" style="505"/>
  </cols>
  <sheetData>
    <row r="1" spans="1:10" ht="20.100000000000001" customHeight="1" x14ac:dyDescent="0.2">
      <c r="A1" s="130" t="s">
        <v>383</v>
      </c>
    </row>
    <row r="2" spans="1:10" ht="20.100000000000001" customHeight="1" x14ac:dyDescent="0.2">
      <c r="A2" s="252"/>
    </row>
    <row r="3" spans="1:10" ht="20.100000000000001" customHeight="1" thickBot="1" x14ac:dyDescent="0.25">
      <c r="A3" s="505" t="s">
        <v>60</v>
      </c>
    </row>
    <row r="4" spans="1:10" s="525" customFormat="1" ht="20.100000000000001" customHeight="1" x14ac:dyDescent="0.2">
      <c r="A4" s="653" t="s">
        <v>7</v>
      </c>
      <c r="B4" s="650" t="s">
        <v>62</v>
      </c>
      <c r="C4" s="651"/>
      <c r="D4" s="652"/>
      <c r="E4" s="651" t="s">
        <v>63</v>
      </c>
      <c r="F4" s="651"/>
      <c r="G4" s="652"/>
      <c r="H4" s="650" t="s">
        <v>287</v>
      </c>
      <c r="I4" s="651"/>
      <c r="J4" s="652"/>
    </row>
    <row r="5" spans="1:10" s="525" customFormat="1" ht="28.2" customHeight="1" thickBot="1" x14ac:dyDescent="0.25">
      <c r="A5" s="654"/>
      <c r="B5" s="262" t="s">
        <v>286</v>
      </c>
      <c r="C5" s="272" t="s">
        <v>352</v>
      </c>
      <c r="D5" s="273" t="s">
        <v>288</v>
      </c>
      <c r="E5" s="274" t="s">
        <v>286</v>
      </c>
      <c r="F5" s="272" t="s">
        <v>352</v>
      </c>
      <c r="G5" s="273" t="s">
        <v>288</v>
      </c>
      <c r="H5" s="262" t="s">
        <v>66</v>
      </c>
      <c r="I5" s="272" t="s">
        <v>352</v>
      </c>
      <c r="J5" s="273" t="s">
        <v>288</v>
      </c>
    </row>
    <row r="6" spans="1:10" ht="20.100000000000001" customHeight="1" thickTop="1" x14ac:dyDescent="0.2">
      <c r="A6" s="526" t="s">
        <v>89</v>
      </c>
      <c r="B6" s="110">
        <v>198</v>
      </c>
      <c r="C6" s="103">
        <v>5</v>
      </c>
      <c r="D6" s="89">
        <v>2.5252525252525252E-2</v>
      </c>
      <c r="E6" s="111">
        <v>95</v>
      </c>
      <c r="F6" s="103">
        <v>5</v>
      </c>
      <c r="G6" s="89">
        <v>5.2631578947368418E-2</v>
      </c>
      <c r="H6" s="110">
        <v>293</v>
      </c>
      <c r="I6" s="103">
        <v>10</v>
      </c>
      <c r="J6" s="89">
        <v>3.4129692832764506E-2</v>
      </c>
    </row>
    <row r="7" spans="1:10" ht="20.100000000000001" customHeight="1" x14ac:dyDescent="0.2">
      <c r="A7" s="527" t="s">
        <v>90</v>
      </c>
      <c r="B7" s="112">
        <v>817</v>
      </c>
      <c r="C7" s="104">
        <v>12</v>
      </c>
      <c r="D7" s="119">
        <v>1.4687882496940025E-2</v>
      </c>
      <c r="E7" s="113">
        <v>267</v>
      </c>
      <c r="F7" s="104">
        <v>10</v>
      </c>
      <c r="G7" s="119">
        <v>3.7453183520599252E-2</v>
      </c>
      <c r="H7" s="112">
        <v>1084</v>
      </c>
      <c r="I7" s="104">
        <v>22</v>
      </c>
      <c r="J7" s="119">
        <v>2.0295202952029519E-2</v>
      </c>
    </row>
    <row r="8" spans="1:10" ht="20.100000000000001" customHeight="1" x14ac:dyDescent="0.2">
      <c r="A8" s="527" t="s">
        <v>91</v>
      </c>
      <c r="B8" s="112">
        <v>519</v>
      </c>
      <c r="C8" s="104">
        <v>7</v>
      </c>
      <c r="D8" s="119">
        <v>1.348747591522158E-2</v>
      </c>
      <c r="E8" s="113">
        <v>204</v>
      </c>
      <c r="F8" s="104">
        <v>3</v>
      </c>
      <c r="G8" s="119">
        <v>1.4705882352941176E-2</v>
      </c>
      <c r="H8" s="112">
        <v>723</v>
      </c>
      <c r="I8" s="104">
        <v>10</v>
      </c>
      <c r="J8" s="119">
        <v>1.3831258644536652E-2</v>
      </c>
    </row>
    <row r="9" spans="1:10" ht="20.100000000000001" customHeight="1" x14ac:dyDescent="0.2">
      <c r="A9" s="528" t="s">
        <v>92</v>
      </c>
      <c r="B9" s="112">
        <v>318</v>
      </c>
      <c r="C9" s="104">
        <v>11</v>
      </c>
      <c r="D9" s="119">
        <v>3.4591194968553458E-2</v>
      </c>
      <c r="E9" s="113">
        <v>99</v>
      </c>
      <c r="F9" s="182">
        <v>8</v>
      </c>
      <c r="G9" s="119">
        <v>8.0808080808080815E-2</v>
      </c>
      <c r="H9" s="112">
        <v>417</v>
      </c>
      <c r="I9" s="104">
        <v>19</v>
      </c>
      <c r="J9" s="119">
        <v>4.5563549160671464E-2</v>
      </c>
    </row>
    <row r="10" spans="1:10" ht="20.100000000000001" customHeight="1" x14ac:dyDescent="0.2">
      <c r="A10" s="526" t="s">
        <v>93</v>
      </c>
      <c r="B10" s="112">
        <v>215</v>
      </c>
      <c r="C10" s="104">
        <v>28</v>
      </c>
      <c r="D10" s="119">
        <v>0.13023255813953488</v>
      </c>
      <c r="E10" s="113">
        <v>48</v>
      </c>
      <c r="F10" s="104">
        <v>9</v>
      </c>
      <c r="G10" s="119">
        <v>0.1875</v>
      </c>
      <c r="H10" s="112">
        <v>263</v>
      </c>
      <c r="I10" s="104">
        <v>37</v>
      </c>
      <c r="J10" s="119">
        <v>0.14068441064638784</v>
      </c>
    </row>
    <row r="11" spans="1:10" ht="20.100000000000001" customHeight="1" thickBot="1" x14ac:dyDescent="0.25">
      <c r="A11" s="529" t="s">
        <v>13</v>
      </c>
      <c r="B11" s="114">
        <v>392</v>
      </c>
      <c r="C11" s="105">
        <v>15</v>
      </c>
      <c r="D11" s="120">
        <v>3.826530612244898E-2</v>
      </c>
      <c r="E11" s="115">
        <v>81</v>
      </c>
      <c r="F11" s="194">
        <v>7</v>
      </c>
      <c r="G11" s="120">
        <v>8.6419753086419748E-2</v>
      </c>
      <c r="H11" s="114">
        <v>473</v>
      </c>
      <c r="I11" s="105">
        <v>22</v>
      </c>
      <c r="J11" s="120">
        <v>4.6511627906976744E-2</v>
      </c>
    </row>
    <row r="12" spans="1:10" ht="20.100000000000001" customHeight="1" thickTop="1" thickBot="1" x14ac:dyDescent="0.25">
      <c r="A12" s="530" t="s">
        <v>18</v>
      </c>
      <c r="B12" s="116">
        <v>2459</v>
      </c>
      <c r="C12" s="102">
        <v>78</v>
      </c>
      <c r="D12" s="121">
        <v>3.1720211468076451E-2</v>
      </c>
      <c r="E12" s="117">
        <v>794</v>
      </c>
      <c r="F12" s="98">
        <v>42</v>
      </c>
      <c r="G12" s="121">
        <v>5.2896725440806043E-2</v>
      </c>
      <c r="H12" s="116">
        <v>3253</v>
      </c>
      <c r="I12" s="98">
        <v>120</v>
      </c>
      <c r="J12" s="121">
        <v>3.6889025514909315E-2</v>
      </c>
    </row>
    <row r="14" spans="1:10" ht="20.100000000000001" customHeight="1" thickBot="1" x14ac:dyDescent="0.25">
      <c r="A14" s="505" t="s">
        <v>67</v>
      </c>
    </row>
    <row r="15" spans="1:10" s="525" customFormat="1" ht="20.100000000000001" customHeight="1" x14ac:dyDescent="0.2">
      <c r="A15" s="581" t="s">
        <v>74</v>
      </c>
      <c r="B15" s="650" t="s">
        <v>62</v>
      </c>
      <c r="C15" s="651"/>
      <c r="D15" s="652"/>
      <c r="E15" s="651" t="s">
        <v>63</v>
      </c>
      <c r="F15" s="651"/>
      <c r="G15" s="652"/>
      <c r="H15" s="650" t="s">
        <v>287</v>
      </c>
      <c r="I15" s="651"/>
      <c r="J15" s="652"/>
    </row>
    <row r="16" spans="1:10" s="525" customFormat="1" ht="28.2" customHeight="1" thickBot="1" x14ac:dyDescent="0.25">
      <c r="A16" s="582"/>
      <c r="B16" s="262" t="s">
        <v>286</v>
      </c>
      <c r="C16" s="272" t="s">
        <v>352</v>
      </c>
      <c r="D16" s="273" t="s">
        <v>288</v>
      </c>
      <c r="E16" s="274" t="s">
        <v>286</v>
      </c>
      <c r="F16" s="272" t="s">
        <v>352</v>
      </c>
      <c r="G16" s="273" t="s">
        <v>288</v>
      </c>
      <c r="H16" s="262" t="s">
        <v>66</v>
      </c>
      <c r="I16" s="272" t="s">
        <v>352</v>
      </c>
      <c r="J16" s="273" t="s">
        <v>288</v>
      </c>
    </row>
    <row r="17" spans="1:10" ht="20.100000000000001" customHeight="1" thickTop="1" x14ac:dyDescent="0.2">
      <c r="A17" s="531" t="s">
        <v>20</v>
      </c>
      <c r="B17" s="118">
        <v>12</v>
      </c>
      <c r="C17" s="103">
        <v>0</v>
      </c>
      <c r="D17" s="89">
        <v>0</v>
      </c>
      <c r="E17" s="118">
        <v>2</v>
      </c>
      <c r="F17" s="103">
        <v>0</v>
      </c>
      <c r="G17" s="89">
        <v>0</v>
      </c>
      <c r="H17" s="110">
        <v>14</v>
      </c>
      <c r="I17" s="103">
        <v>0</v>
      </c>
      <c r="J17" s="89">
        <v>0</v>
      </c>
    </row>
    <row r="18" spans="1:10" ht="20.100000000000001" customHeight="1" x14ac:dyDescent="0.2">
      <c r="A18" s="532" t="s">
        <v>21</v>
      </c>
      <c r="B18" s="112">
        <v>42</v>
      </c>
      <c r="C18" s="104">
        <v>3</v>
      </c>
      <c r="D18" s="119">
        <v>7.1428571428571425E-2</v>
      </c>
      <c r="E18" s="112">
        <v>21</v>
      </c>
      <c r="F18" s="104">
        <v>1</v>
      </c>
      <c r="G18" s="119">
        <v>4.7619047619047616E-2</v>
      </c>
      <c r="H18" s="112">
        <v>63</v>
      </c>
      <c r="I18" s="104">
        <v>4</v>
      </c>
      <c r="J18" s="119">
        <v>6.3492063492063489E-2</v>
      </c>
    </row>
    <row r="19" spans="1:10" ht="20.100000000000001" customHeight="1" x14ac:dyDescent="0.2">
      <c r="A19" s="532" t="s">
        <v>22</v>
      </c>
      <c r="B19" s="112">
        <v>2332</v>
      </c>
      <c r="C19" s="104">
        <v>71</v>
      </c>
      <c r="D19" s="119">
        <v>3.0445969125214408E-2</v>
      </c>
      <c r="E19" s="112">
        <v>740</v>
      </c>
      <c r="F19" s="104">
        <v>37</v>
      </c>
      <c r="G19" s="119">
        <v>0.05</v>
      </c>
      <c r="H19" s="112">
        <v>3072</v>
      </c>
      <c r="I19" s="104">
        <v>108</v>
      </c>
      <c r="J19" s="119">
        <v>3.515625E-2</v>
      </c>
    </row>
    <row r="20" spans="1:10" ht="20.100000000000001" customHeight="1" thickBot="1" x14ac:dyDescent="0.25">
      <c r="A20" s="533" t="s">
        <v>23</v>
      </c>
      <c r="B20" s="114">
        <v>73</v>
      </c>
      <c r="C20" s="105">
        <v>4</v>
      </c>
      <c r="D20" s="120">
        <v>5.4794520547945202E-2</v>
      </c>
      <c r="E20" s="114">
        <v>31</v>
      </c>
      <c r="F20" s="105">
        <v>4</v>
      </c>
      <c r="G20" s="120">
        <v>0.12903225806451613</v>
      </c>
      <c r="H20" s="114">
        <v>104</v>
      </c>
      <c r="I20" s="105">
        <v>8</v>
      </c>
      <c r="J20" s="120">
        <v>7.6923076923076927E-2</v>
      </c>
    </row>
    <row r="21" spans="1:10" ht="20.100000000000001" customHeight="1" thickTop="1" thickBot="1" x14ac:dyDescent="0.25">
      <c r="A21" s="534" t="s">
        <v>59</v>
      </c>
      <c r="B21" s="116">
        <v>2459</v>
      </c>
      <c r="C21" s="102">
        <v>78</v>
      </c>
      <c r="D21" s="121">
        <v>3.1720211468076451E-2</v>
      </c>
      <c r="E21" s="116">
        <v>794</v>
      </c>
      <c r="F21" s="102">
        <v>42</v>
      </c>
      <c r="G21" s="121">
        <v>5.2896725440806043E-2</v>
      </c>
      <c r="H21" s="116">
        <v>3253</v>
      </c>
      <c r="I21" s="102">
        <v>120</v>
      </c>
      <c r="J21" s="121">
        <v>3.6889025514909315E-2</v>
      </c>
    </row>
    <row r="22" spans="1:10" ht="20.100000000000001" customHeight="1" x14ac:dyDescent="0.2">
      <c r="B22" s="39"/>
      <c r="C22" s="39"/>
      <c r="D22" s="39"/>
      <c r="E22" s="39"/>
      <c r="F22" s="39"/>
      <c r="G22" s="39"/>
      <c r="H22" s="39"/>
      <c r="I22" s="39"/>
      <c r="J22" s="39"/>
    </row>
    <row r="23" spans="1:10" ht="20.100000000000001" customHeight="1" thickBot="1" x14ac:dyDescent="0.25">
      <c r="A23" s="505" t="s">
        <v>127</v>
      </c>
    </row>
    <row r="24" spans="1:10" s="525" customFormat="1" ht="20.100000000000001" customHeight="1" x14ac:dyDescent="0.2">
      <c r="A24" s="653" t="s">
        <v>158</v>
      </c>
      <c r="B24" s="650" t="s">
        <v>62</v>
      </c>
      <c r="C24" s="651"/>
      <c r="D24" s="652"/>
      <c r="E24" s="651" t="s">
        <v>63</v>
      </c>
      <c r="F24" s="651"/>
      <c r="G24" s="652"/>
      <c r="H24" s="650" t="s">
        <v>287</v>
      </c>
      <c r="I24" s="651"/>
      <c r="J24" s="652"/>
    </row>
    <row r="25" spans="1:10" s="525" customFormat="1" ht="28.2" customHeight="1" thickBot="1" x14ac:dyDescent="0.25">
      <c r="A25" s="654"/>
      <c r="B25" s="262" t="s">
        <v>286</v>
      </c>
      <c r="C25" s="272" t="s">
        <v>352</v>
      </c>
      <c r="D25" s="273" t="s">
        <v>288</v>
      </c>
      <c r="E25" s="274" t="s">
        <v>286</v>
      </c>
      <c r="F25" s="272" t="s">
        <v>352</v>
      </c>
      <c r="G25" s="273" t="s">
        <v>288</v>
      </c>
      <c r="H25" s="262" t="s">
        <v>66</v>
      </c>
      <c r="I25" s="272" t="s">
        <v>352</v>
      </c>
      <c r="J25" s="273" t="s">
        <v>288</v>
      </c>
    </row>
    <row r="26" spans="1:10" ht="20.100000000000001" customHeight="1" thickTop="1" x14ac:dyDescent="0.2">
      <c r="A26" s="526" t="s">
        <v>42</v>
      </c>
      <c r="B26" s="118">
        <v>1061</v>
      </c>
      <c r="C26" s="103">
        <v>28</v>
      </c>
      <c r="D26" s="89">
        <v>2.6390197926484449E-2</v>
      </c>
      <c r="E26" s="118">
        <v>359</v>
      </c>
      <c r="F26" s="275">
        <v>12</v>
      </c>
      <c r="G26" s="89">
        <v>3.3426183844011144E-2</v>
      </c>
      <c r="H26" s="110">
        <v>1420</v>
      </c>
      <c r="I26" s="103">
        <v>40</v>
      </c>
      <c r="J26" s="89">
        <v>2.8169014084507043E-2</v>
      </c>
    </row>
    <row r="27" spans="1:10" ht="20.100000000000001" customHeight="1" x14ac:dyDescent="0.2">
      <c r="A27" s="528" t="s">
        <v>128</v>
      </c>
      <c r="B27" s="112">
        <v>388</v>
      </c>
      <c r="C27" s="182">
        <v>10</v>
      </c>
      <c r="D27" s="122">
        <v>2.5773195876288658E-2</v>
      </c>
      <c r="E27" s="112">
        <v>137</v>
      </c>
      <c r="F27" s="104">
        <v>6</v>
      </c>
      <c r="G27" s="119">
        <v>4.3795620437956206E-2</v>
      </c>
      <c r="H27" s="112">
        <v>525</v>
      </c>
      <c r="I27" s="124">
        <v>16</v>
      </c>
      <c r="J27" s="119">
        <v>3.0476190476190476E-2</v>
      </c>
    </row>
    <row r="28" spans="1:10" ht="20.100000000000001" customHeight="1" x14ac:dyDescent="0.2">
      <c r="A28" s="528" t="s">
        <v>44</v>
      </c>
      <c r="B28" s="112">
        <v>127</v>
      </c>
      <c r="C28" s="182">
        <v>4</v>
      </c>
      <c r="D28" s="122">
        <v>3.1496062992125984E-2</v>
      </c>
      <c r="E28" s="112">
        <v>60</v>
      </c>
      <c r="F28" s="104">
        <v>3</v>
      </c>
      <c r="G28" s="119">
        <v>0.05</v>
      </c>
      <c r="H28" s="112">
        <v>187</v>
      </c>
      <c r="I28" s="124">
        <v>7</v>
      </c>
      <c r="J28" s="119">
        <v>3.7433155080213901E-2</v>
      </c>
    </row>
    <row r="29" spans="1:10" ht="20.100000000000001" customHeight="1" x14ac:dyDescent="0.2">
      <c r="A29" s="528" t="s">
        <v>45</v>
      </c>
      <c r="B29" s="112">
        <v>156</v>
      </c>
      <c r="C29" s="104">
        <v>7</v>
      </c>
      <c r="D29" s="119">
        <v>4.4871794871794872E-2</v>
      </c>
      <c r="E29" s="112">
        <v>66</v>
      </c>
      <c r="F29" s="182">
        <v>8</v>
      </c>
      <c r="G29" s="119">
        <v>0.12121212121212122</v>
      </c>
      <c r="H29" s="112">
        <v>222</v>
      </c>
      <c r="I29" s="124">
        <v>15</v>
      </c>
      <c r="J29" s="119">
        <v>6.7567567567567571E-2</v>
      </c>
    </row>
    <row r="30" spans="1:10" ht="20.100000000000001" customHeight="1" x14ac:dyDescent="0.2">
      <c r="A30" s="528" t="s">
        <v>46</v>
      </c>
      <c r="B30" s="112">
        <v>163</v>
      </c>
      <c r="C30" s="104">
        <v>16</v>
      </c>
      <c r="D30" s="119">
        <v>9.815950920245399E-2</v>
      </c>
      <c r="E30" s="112">
        <v>36</v>
      </c>
      <c r="F30" s="182">
        <v>5</v>
      </c>
      <c r="G30" s="119">
        <v>0.1388888888888889</v>
      </c>
      <c r="H30" s="112">
        <v>199</v>
      </c>
      <c r="I30" s="124">
        <v>21</v>
      </c>
      <c r="J30" s="119">
        <v>0.10552763819095477</v>
      </c>
    </row>
    <row r="31" spans="1:10" ht="20.100000000000001" customHeight="1" x14ac:dyDescent="0.2">
      <c r="A31" s="526" t="s">
        <v>47</v>
      </c>
      <c r="B31" s="112">
        <v>253</v>
      </c>
      <c r="C31" s="104">
        <v>8</v>
      </c>
      <c r="D31" s="119">
        <v>3.1620553359683792E-2</v>
      </c>
      <c r="E31" s="112">
        <v>51</v>
      </c>
      <c r="F31" s="104">
        <v>6</v>
      </c>
      <c r="G31" s="119">
        <v>0.11764705882352941</v>
      </c>
      <c r="H31" s="112">
        <v>304</v>
      </c>
      <c r="I31" s="104">
        <v>14</v>
      </c>
      <c r="J31" s="119">
        <v>4.6052631578947366E-2</v>
      </c>
    </row>
    <row r="32" spans="1:10" ht="20.100000000000001" customHeight="1" x14ac:dyDescent="0.2">
      <c r="A32" s="527" t="s">
        <v>48</v>
      </c>
      <c r="B32" s="112">
        <v>275</v>
      </c>
      <c r="C32" s="104">
        <v>3</v>
      </c>
      <c r="D32" s="119">
        <v>1.090909090909091E-2</v>
      </c>
      <c r="E32" s="112">
        <v>63</v>
      </c>
      <c r="F32" s="104">
        <v>2</v>
      </c>
      <c r="G32" s="119">
        <v>3.1746031746031744E-2</v>
      </c>
      <c r="H32" s="112">
        <v>338</v>
      </c>
      <c r="I32" s="124">
        <v>5</v>
      </c>
      <c r="J32" s="119">
        <v>1.4792899408284023E-2</v>
      </c>
    </row>
    <row r="33" spans="1:10" ht="20.100000000000001" customHeight="1" thickBot="1" x14ac:dyDescent="0.25">
      <c r="A33" s="529" t="s">
        <v>49</v>
      </c>
      <c r="B33" s="114">
        <v>36</v>
      </c>
      <c r="C33" s="105">
        <v>2</v>
      </c>
      <c r="D33" s="120">
        <v>5.5555555555555552E-2</v>
      </c>
      <c r="E33" s="114">
        <v>22</v>
      </c>
      <c r="F33" s="105">
        <v>0</v>
      </c>
      <c r="G33" s="120">
        <v>0</v>
      </c>
      <c r="H33" s="114">
        <v>58</v>
      </c>
      <c r="I33" s="125">
        <v>2</v>
      </c>
      <c r="J33" s="120">
        <v>3.4482758620689655E-2</v>
      </c>
    </row>
    <row r="34" spans="1:10" ht="20.100000000000001" customHeight="1" thickTop="1" thickBot="1" x14ac:dyDescent="0.25">
      <c r="A34" s="530" t="s">
        <v>18</v>
      </c>
      <c r="B34" s="116">
        <v>2459</v>
      </c>
      <c r="C34" s="98">
        <v>78</v>
      </c>
      <c r="D34" s="123">
        <v>3.1720211468076451E-2</v>
      </c>
      <c r="E34" s="116">
        <v>794</v>
      </c>
      <c r="F34" s="98">
        <v>42</v>
      </c>
      <c r="G34" s="123">
        <v>5.2896725440806043E-2</v>
      </c>
      <c r="H34" s="116">
        <v>3253</v>
      </c>
      <c r="I34" s="102">
        <v>120</v>
      </c>
      <c r="J34" s="126">
        <v>3.6889025514909315E-2</v>
      </c>
    </row>
  </sheetData>
  <mergeCells count="12">
    <mergeCell ref="H24:J24"/>
    <mergeCell ref="B4:D4"/>
    <mergeCell ref="E4:G4"/>
    <mergeCell ref="H4:J4"/>
    <mergeCell ref="B15:D15"/>
    <mergeCell ref="E15:G15"/>
    <mergeCell ref="H15:J15"/>
    <mergeCell ref="A4:A5"/>
    <mergeCell ref="A15:A16"/>
    <mergeCell ref="A24:A25"/>
    <mergeCell ref="B24:D24"/>
    <mergeCell ref="E24:G24"/>
  </mergeCells>
  <phoneticPr fontId="1"/>
  <pageMargins left="1.0236220472440944" right="0.23622047244094491" top="0.74803149606299213" bottom="0.74803149606299213" header="0.31496062992125984" footer="0.31496062992125984"/>
  <pageSetup paperSize="9" scale="65" orientation="landscape" r:id="rId1"/>
  <headerFooter>
    <oddFooter>&amp;C&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6</vt:i4>
      </vt:variant>
      <vt:variant>
        <vt:lpstr>名前付き一覧</vt:lpstr>
      </vt:variant>
      <vt:variant>
        <vt:i4>14</vt:i4>
      </vt:variant>
    </vt:vector>
  </HeadingPairs>
  <TitlesOfParts>
    <vt:vector size="30" baseType="lpstr">
      <vt:lpstr>Ⅰ概要・病院背景</vt:lpstr>
      <vt:lpstr>１-１職員数・離職率</vt:lpstr>
      <vt:lpstr>１-２外国籍職員</vt:lpstr>
      <vt:lpstr>１-３看護補助者</vt:lpstr>
      <vt:lpstr>２-１新卒採用・離職（全体）</vt:lpstr>
      <vt:lpstr>２-２新卒（県内）</vt:lpstr>
      <vt:lpstr>２-３新卒（県外）</vt:lpstr>
      <vt:lpstr>３-1経験者採用状況 </vt:lpstr>
      <vt:lpstr>３-2経験者採用状況</vt:lpstr>
      <vt:lpstr>４経験年数別離職率</vt:lpstr>
      <vt:lpstr>５退職理由</vt:lpstr>
      <vt:lpstr>６新人研修</vt:lpstr>
      <vt:lpstr>７令和6年度採用状況</vt:lpstr>
      <vt:lpstr>８保有資格</vt:lpstr>
      <vt:lpstr>９-1特定行為研修</vt:lpstr>
      <vt:lpstr>９-2特定行為研修</vt:lpstr>
      <vt:lpstr>'１-３看護補助者'!Print_Area</vt:lpstr>
      <vt:lpstr>'２-１新卒採用・離職（全体）'!Print_Area</vt:lpstr>
      <vt:lpstr>'２-２新卒（県内）'!Print_Area</vt:lpstr>
      <vt:lpstr>'２-３新卒（県外）'!Print_Area</vt:lpstr>
      <vt:lpstr>'３-1経験者採用状況 '!Print_Area</vt:lpstr>
      <vt:lpstr>'３-2経験者採用状況'!Print_Area</vt:lpstr>
      <vt:lpstr>'４経験年数別離職率'!Print_Area</vt:lpstr>
      <vt:lpstr>'５退職理由'!Print_Area</vt:lpstr>
      <vt:lpstr>'６新人研修'!Print_Area</vt:lpstr>
      <vt:lpstr>'７令和6年度採用状況'!Print_Area</vt:lpstr>
      <vt:lpstr>'８保有資格'!Print_Area</vt:lpstr>
      <vt:lpstr>'９-1特定行為研修'!Print_Area</vt:lpstr>
      <vt:lpstr>'９-2特定行為研修'!Print_Area</vt:lpstr>
      <vt:lpstr>Ⅰ概要・病院背景!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4-12-17T00:51:58Z</cp:lastPrinted>
  <dcterms:created xsi:type="dcterms:W3CDTF">2020-02-06T07:40:23Z</dcterms:created>
  <dcterms:modified xsi:type="dcterms:W3CDTF">2025-03-06T00:43:06Z</dcterms:modified>
</cp:coreProperties>
</file>